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tables/table1.xml" ContentType="application/vnd.openxmlformats-officedocument.spreadsheetml.table+xml"/>
  <Override PartName="/xl/drawings/drawing2.xml" ContentType="application/vnd.openxmlformats-officedocument.drawing+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5928"/>
  <workbookPr/>
  <mc:AlternateContent xmlns:mc="http://schemas.openxmlformats.org/markup-compatibility/2006">
    <mc:Choice Requires="x15">
      <x15ac:absPath xmlns:x15ac="http://schemas.microsoft.com/office/spreadsheetml/2010/11/ac" url="C:\Users\Elderhorst\Downloads\"/>
    </mc:Choice>
  </mc:AlternateContent>
  <xr:revisionPtr revIDLastSave="0" documentId="13_ncr:1_{1A417EC8-F3F4-4C1C-A34A-D552D14FFB59}" xr6:coauthVersionLast="47" xr6:coauthVersionMax="47" xr10:uidLastSave="{00000000-0000-0000-0000-000000000000}"/>
  <bookViews>
    <workbookView xWindow="-108" yWindow="-108" windowWidth="23256" windowHeight="12576" tabRatio="638" activeTab="2" xr2:uid="{00000000-000D-0000-FFFF-FFFF00000000}"/>
  </bookViews>
  <sheets>
    <sheet name="Versiebeheer" sheetId="2" r:id="rId1"/>
    <sheet name="Uitgangpunten" sheetId="4" r:id="rId2"/>
    <sheet name="Toetsingscriteria v 1.1" sheetId="1" r:id="rId3"/>
    <sheet name="Lijst mogelijke bewijsstukken" sheetId="5" r:id="rId4"/>
    <sheet name="Grondplaat Eenheid van Taal" sheetId="3" r:id="rId5"/>
  </sheets>
  <definedNames>
    <definedName name="_xlnm._FilterDatabase" localSheetId="3" hidden="1">'Lijst mogelijke bewijsstukken'!$B$4:$B$32</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sharedStrings.xml><?xml version="1.0" encoding="utf-8"?>
<sst xmlns="http://schemas.openxmlformats.org/spreadsheetml/2006/main" count="383" uniqueCount="327">
  <si>
    <t>Versiebeheer</t>
  </si>
  <si>
    <t>Datum</t>
  </si>
  <si>
    <t>Versie</t>
  </si>
  <si>
    <t>Notitie</t>
  </si>
  <si>
    <t>1.0</t>
  </si>
  <si>
    <t>Ter publicatie 22-12-2022</t>
  </si>
  <si>
    <t>1.1</t>
  </si>
  <si>
    <t>Cel G6 'Informatie-uitvraag is vastgelegd per stap van het zorgproces, gebruik makend van een erkend model.' aangepast naar ' Informatie-uitvraag is vastgelegd per stap van het zorgproces, gebruik makend van een erkend model (zoals het ZiRA-procesmodel).'</t>
  </si>
  <si>
    <t>Uitgangpunten</t>
  </si>
  <si>
    <t>De uitgangspunten op dit tabblad hebben geleid tot de toetsingscriteria op tabblad 'Toetsingscriteria'.</t>
  </si>
  <si>
    <t>Uitgangspunten toetsingsproces:</t>
  </si>
  <si>
    <t>Uitgangspunten afspraken. De criteria toetsen of de KRs:</t>
  </si>
  <si>
    <t>a.</t>
  </si>
  <si>
    <t>Er is regie op de kwaliteit, beheersing en doorontwikkeling van KRs, incl. de dataverzameling en -verwerking</t>
  </si>
  <si>
    <t>1.</t>
  </si>
  <si>
    <t>Open standaarden en internationale normen hanteren</t>
  </si>
  <si>
    <t>b.</t>
  </si>
  <si>
    <t>KRs worden getoetst via criteria die kosteneffectief, duidelijk en objectief zijn</t>
  </si>
  <si>
    <t>2.</t>
  </si>
  <si>
    <t>Aansluiten bij landelijke initiatieven, zowel voor functionele als technische specificaties, waardoor ze onderdeel worden van zorg informatielandschap</t>
  </si>
  <si>
    <t>c.</t>
  </si>
  <si>
    <t>Toetsing geschiedt op basis van duidelijke toetsingscriteria, die tijdig openbaar zijn gemaakt. Het aanpassen van criteria of normen geschiedt maximaal eens per jaar en op basis van een evaluatie</t>
  </si>
  <si>
    <t>3.</t>
  </si>
  <si>
    <t>Privacy en security by design principes hanteren</t>
  </si>
  <si>
    <t>d.</t>
  </si>
  <si>
    <t>In de beoordeling wordt er rekening gehouden met verschillende volwassenheidslevels voor de KRs</t>
  </si>
  <si>
    <t>4.</t>
  </si>
  <si>
    <t>Ervoor zorgen dat gegevens zo veel mogelijk automatisch verzameld worden, waardoor de administratieve lasten verminderd worden</t>
  </si>
  <si>
    <t>e.</t>
  </si>
  <si>
    <t>Het toetsingsproces geschiedt zorgvuldig en zodanig dat KRs kunnen vertrouwen op gelijke afweging en duidelijke proceseisen</t>
  </si>
  <si>
    <t>5.</t>
  </si>
  <si>
    <t>Ervoor zorgen dat gegevens betrouwbaar, eenduidig, transparant en vertrouwelijk verzameld worden (kwaliteit van de gegevensverzameling)</t>
  </si>
  <si>
    <t>6.</t>
  </si>
  <si>
    <t>Streven naar continue verbetering en innovatie</t>
  </si>
  <si>
    <t>7.</t>
  </si>
  <si>
    <t>(Kosten)efficiënt werken, oftewel zo min mogelijk overlap hebben en van elkaar leren</t>
  </si>
  <si>
    <t>Toetsingscriteria</t>
  </si>
  <si>
    <t>Level 1</t>
  </si>
  <si>
    <t>Level 2</t>
  </si>
  <si>
    <r>
      <t xml:space="preserve">Groeipad (volwassenheidsniveau 2)
</t>
    </r>
    <r>
      <rPr>
        <i/>
        <sz val="10"/>
        <color rgb="FFFFFFFF"/>
        <rFont val="Calibri"/>
      </rPr>
      <t>Elementen waar KRs naartoe ontwikkele</t>
    </r>
    <r>
      <rPr>
        <i/>
        <sz val="10"/>
        <color rgb="FFFFFFFF"/>
        <rFont val="Calibri"/>
        <family val="2"/>
      </rPr>
      <t>n.</t>
    </r>
  </si>
  <si>
    <r>
      <rPr>
        <b/>
        <sz val="11"/>
        <color theme="0"/>
        <rFont val="Calibri"/>
        <family val="2"/>
        <scheme val="minor"/>
      </rPr>
      <t xml:space="preserve">Scoring 
</t>
    </r>
    <r>
      <rPr>
        <i/>
        <sz val="10"/>
        <color theme="0"/>
        <rFont val="Calibri"/>
        <family val="2"/>
        <scheme val="minor"/>
      </rPr>
      <t>Bij enkele criteria zal de aanvraag niet in behandeling worden genomen als niet ten minste aan het minimumvereiste is voldaan.</t>
    </r>
  </si>
  <si>
    <r>
      <t xml:space="preserve">Van toepassing zijnde normen/kaders/standaarden
</t>
    </r>
    <r>
      <rPr>
        <i/>
        <sz val="10"/>
        <color theme="0"/>
        <rFont val="Calibri"/>
        <family val="2"/>
        <scheme val="minor"/>
      </rPr>
      <t>Maatstaf die gehanteerd wordt bij het bepalen hoe bepaalde criteria worden getoetst.</t>
    </r>
  </si>
  <si>
    <r>
      <t xml:space="preserve">Niveau
</t>
    </r>
    <r>
      <rPr>
        <i/>
        <sz val="10"/>
        <color theme="0"/>
        <rFont val="Calibri"/>
        <family val="2"/>
        <scheme val="minor"/>
      </rPr>
      <t>Geeft aan of het criterium Kwaliteitsregistratie(KR)-, Registratiehouder(RH)- of Dataverwerker(DV)-specifiek is</t>
    </r>
    <r>
      <rPr>
        <b/>
        <sz val="11"/>
        <color theme="0"/>
        <rFont val="Calibri"/>
        <family val="2"/>
        <scheme val="minor"/>
      </rPr>
      <t>.</t>
    </r>
  </si>
  <si>
    <r>
      <t xml:space="preserve">Mogelijke bewijsstukken
</t>
    </r>
    <r>
      <rPr>
        <i/>
        <sz val="10"/>
        <color theme="0"/>
        <rFont val="Calibri"/>
        <family val="2"/>
        <scheme val="minor"/>
      </rPr>
      <t>In deze kolom staan mogelijke bewijsstukken opgenomen waarmee de toetsingscriteria kunnen worden aangetoond. Zie tabblad 'Lijst mogelijke bewijsstukken' voor een gedetailleerdere uitwerking van deze (mogelijke) bewijsstukken.</t>
    </r>
  </si>
  <si>
    <r>
      <t xml:space="preserve">SKMS programma Verduurzamen Kwaliteitsregistraties: 
</t>
    </r>
    <r>
      <rPr>
        <sz val="11"/>
        <color theme="1"/>
        <rFont val="Calibri"/>
        <family val="2"/>
        <scheme val="minor"/>
      </rPr>
      <t xml:space="preserve">
Als de kwaliteitsregistratie aan het programma is meegedaan, kunnen de onderliggende stukken als bewijsstuk voor criteria 1 t/m 4.1</t>
    </r>
    <r>
      <rPr>
        <sz val="11"/>
        <color rgb="FFFF0000"/>
        <rFont val="Calibri"/>
        <family val="2"/>
        <scheme val="minor"/>
      </rPr>
      <t xml:space="preserve"> </t>
    </r>
    <r>
      <rPr>
        <sz val="11"/>
        <color theme="1"/>
        <rFont val="Calibri"/>
        <family val="2"/>
        <scheme val="minor"/>
      </rPr>
      <t>gebruikt worden.</t>
    </r>
  </si>
  <si>
    <t>0.1</t>
  </si>
  <si>
    <t>Zie criteria 1 t/m 4.1</t>
  </si>
  <si>
    <t>-</t>
  </si>
  <si>
    <t>Op deze voorvraag wordt niet een aparte scoring gegeven. Op basis van de aangeleverde stukken, worden criteria 1 t/m 4.1 beoordeeld. Deelname aan het programma betekent derhalve niet dat criteria 1 t/m 4.1 per definitie met een voldoende zullen worden beoordeeld.</t>
  </si>
  <si>
    <t xml:space="preserve">https://kwaliteitsregistraties.demedischspecialist.nl/stappenplan/
</t>
  </si>
  <si>
    <t>KR</t>
  </si>
  <si>
    <t>1. Einddocument opgeleverd door SKMS programma
2. Uitgewerkt Excel opgeleverd door SKMS programma</t>
  </si>
  <si>
    <r>
      <t xml:space="preserve">Zorgpad: </t>
    </r>
    <r>
      <rPr>
        <sz val="11"/>
        <color theme="1"/>
        <rFont val="Calibri"/>
        <family val="2"/>
        <scheme val="minor"/>
      </rPr>
      <t>Als basis voor de dataset van de KR wordt de gestructureerde data gebruikt die tijdens en voor het zorgproces is vastgelegd</t>
    </r>
  </si>
  <si>
    <r>
      <t>Hergebruik data</t>
    </r>
    <r>
      <rPr>
        <sz val="11"/>
        <color theme="1"/>
        <rFont val="Calibri"/>
        <family val="2"/>
        <scheme val="minor"/>
      </rPr>
      <t xml:space="preserve">: De informatie-uitvraag van de KR is in kaart gebracht per stap van het zorgproces </t>
    </r>
  </si>
  <si>
    <t>Het hergebruik van data die worden vastgelegd in - en ten behoeve van - het zorgproces beperkt de administratieve lasten. Dit volgt ook uit de principes van Registratie aan de Bron. Door hiervan gebruik te maken kan het verdere proces zoveel mogelijk worden geautomatiseerd. 
In dit criterium wordt naar het ZiRA procesmodel gevraagd. Dit model geeft een geordende verzameling van de processen van een zorgaanbieder en geeft ruimte voor specifieke invulling van de processtappen. 
Indien dit model niet passend is voor de kwaliteitsregistratie, dient er een onderbouwing aanwezig te zijn waarom van het ZiRA procesmodel wordt afgeweken en welk model wel gebruikt wordt.</t>
  </si>
  <si>
    <t>•	 Informatie-uitvraag is vastgelegd per stap van het zorgproces, gebruik makend van een erkend model (zoals het ZiRA-procesmodel).
•	 Er is een onderbouwing indien de KR geen gebruik maakt van een erkend model (zoals het ZiRA-procesmodel).</t>
  </si>
  <si>
    <r>
      <t>•	 Zorgpad uitwerking conform ZiRA pr</t>
    </r>
    <r>
      <rPr>
        <sz val="11"/>
        <rFont val="Calibri"/>
        <family val="2"/>
        <scheme val="minor"/>
      </rPr>
      <t xml:space="preserve">ocesmodel. Daar waar het model niet aansluit, is inzichtelijk wat discrepantie is. </t>
    </r>
    <r>
      <rPr>
        <sz val="11"/>
        <color theme="1"/>
        <rFont val="Calibri"/>
        <family val="2"/>
        <scheme val="minor"/>
      </rPr>
      <t xml:space="preserve">
•	 Mapping informatiebehoefte zorgpad naar KR</t>
    </r>
    <r>
      <rPr>
        <sz val="11"/>
        <rFont val="Calibri"/>
        <family val="2"/>
        <scheme val="minor"/>
      </rPr>
      <t xml:space="preserve">: uit elke stap van het zorgproces is duidelijk welke informatie relevant is voor KR.
</t>
    </r>
  </si>
  <si>
    <r>
      <t>Het vol</t>
    </r>
    <r>
      <rPr>
        <sz val="11"/>
        <rFont val="Calibri"/>
        <family val="2"/>
        <scheme val="minor"/>
      </rPr>
      <t xml:space="preserve">doen aan het minimumvereiste is een </t>
    </r>
    <r>
      <rPr>
        <b/>
        <sz val="11"/>
        <rFont val="Calibri"/>
        <family val="2"/>
        <scheme val="minor"/>
      </rPr>
      <t>knock-out</t>
    </r>
    <r>
      <rPr>
        <sz val="11"/>
        <rFont val="Calibri"/>
        <family val="2"/>
        <scheme val="minor"/>
      </rPr>
      <t xml:space="preserve"> criterium in de toetsing conform ministeriële regeling</t>
    </r>
    <r>
      <rPr>
        <sz val="11"/>
        <color theme="1"/>
        <rFont val="Calibri"/>
        <family val="2"/>
        <scheme val="minor"/>
      </rPr>
      <t>.</t>
    </r>
  </si>
  <si>
    <t xml:space="preserve">2. Aansluiting bij landelijke initiatieven;
4. Automatisering;
5. Kwaliteit van gegevensverzameling.
</t>
  </si>
  <si>
    <t>ZiRA procesmodel</t>
  </si>
  <si>
    <r>
      <t xml:space="preserve">1. Einddocument opgeleverd door SKMS programma
2. Uitgewerkt Excel opgeleverd door SKMS programma
</t>
    </r>
    <r>
      <rPr>
        <b/>
        <sz val="11"/>
        <color rgb="FF000000"/>
        <rFont val="Calibri"/>
        <family val="2"/>
      </rPr>
      <t xml:space="preserve">Indien niet is deelgenomen aan het programma Verduurzamen Kwaliteitsregistraties:
</t>
    </r>
    <r>
      <rPr>
        <sz val="11"/>
        <color rgb="FF000000"/>
        <rFont val="Calibri"/>
        <family val="2"/>
      </rPr>
      <t>3. Mapping naar het ZiRA-procesmodel</t>
    </r>
  </si>
  <si>
    <r>
      <t>Opbouw dataset</t>
    </r>
    <r>
      <rPr>
        <sz val="11"/>
        <color theme="1"/>
        <rFont val="Calibri"/>
        <family val="2"/>
        <scheme val="minor"/>
      </rPr>
      <t>: De dataset van de KR is gestructureerd en gestandaardiseerd</t>
    </r>
  </si>
  <si>
    <t>2.1</t>
  </si>
  <si>
    <r>
      <rPr>
        <b/>
        <sz val="11"/>
        <color rgb="FF000000"/>
        <rFont val="Calibri"/>
        <family val="2"/>
      </rPr>
      <t>Gebruik gegevensstandaarden</t>
    </r>
    <r>
      <rPr>
        <sz val="11"/>
        <color rgb="FF000000"/>
        <rFont val="Calibri"/>
        <family val="2"/>
      </rPr>
      <t>: De informatie wordt vastgelegd conform de standaarden voor ZIBs</t>
    </r>
  </si>
  <si>
    <t>Binnen de zorginformatiebouwstenen worden data zoveel mogelijk gestandaardiseerd en waar mogelijk gestructureerd vastgelegd, volgens vastgelegde standaarden. Door toepassing van de ZIBs wordt een uniforme datastructuur aangebracht die de onderliggende informatiestandaarden (waaronder SNOMED CT) afdekt. 
Tevens vormen ZIBs momenteel een belangrijk onderdeel van de nationale initiatieven voor gegevensuitwisseling.</t>
  </si>
  <si>
    <t>Voor alle data items waar dit mogelijk is zijn deze gemapt op ZIBs.</t>
  </si>
  <si>
    <t>Alle gevraagde data items zijn te mappen op bestaande ZIBs en onderliggende waarden sluiten aan op de vigerende code- en waardelijsten. Daar waar het niet aansluit is inzichtelijk wat discrepantie is.
Er is een ontwikkelplan en actief dialoog voor opname van data items in de ZIBs.</t>
  </si>
  <si>
    <t>Om een voldoende te scoren voor het toetsingscriterium, dient ten minste aan het minimumvereiste te worden voldaan.</t>
  </si>
  <si>
    <t>2. Aansluiting bij landelijke initiatieven;
4. Automatisering;
5. Kwaliteit van gegevensverzameling.</t>
  </si>
  <si>
    <t>ZIBs</t>
  </si>
  <si>
    <r>
      <rPr>
        <sz val="11"/>
        <color rgb="FF000000"/>
        <rFont val="Calibri"/>
        <family val="2"/>
      </rPr>
      <t xml:space="preserve">1. Einddocument opgeleverd door SKMS programma
2. Uitgewerkt Excel opgeleverd door SKMS programma
</t>
    </r>
    <r>
      <rPr>
        <b/>
        <sz val="11"/>
        <color rgb="FF000000"/>
        <rFont val="Calibri"/>
        <family val="2"/>
      </rPr>
      <t xml:space="preserve">Indien niet is deelgenomen aan het programma Verduurzamen Kwaliteitsregistraties:
</t>
    </r>
    <r>
      <rPr>
        <sz val="11"/>
        <color rgb="FF000000"/>
        <rFont val="Calibri"/>
        <family val="2"/>
      </rPr>
      <t>4. Mapping naar ZIBs</t>
    </r>
  </si>
  <si>
    <t>2.2</t>
  </si>
  <si>
    <r>
      <t>Gebruik DT &amp; VT</t>
    </r>
    <r>
      <rPr>
        <sz val="11"/>
        <color theme="1"/>
        <rFont val="Calibri"/>
        <family val="2"/>
        <scheme val="minor"/>
      </rPr>
      <t xml:space="preserve">: Waar van toepassing kunnen de data worden gecodeerd volgens de DT en VT </t>
    </r>
  </si>
  <si>
    <t>De Diagnosethesaurus (DT) is de landelijke standaard voor het registreren van medische diagnosen in het EPD. Dit gebeurt volgens de standaarden van de Grondplaat Eenheid van Taal* (SNOMED CT), waarbij de vastgelegde gegevens voor meerdere doeleinden kunnen worden gebruikt.
De Verrichtingenthesaurus (VT) is een landelijke standaard voor de medische verrichtingen. 
De DT &amp; VT zijn veel gebruikte registratiestandaarden die hergebruik mogelijk maken. Indien datapunten niet in ZIBs zijn gevat, worden ze mogelijk beschreven in DT / VT.</t>
  </si>
  <si>
    <t>Alle klinische diagnose termen zijn gemapt voor zover deze tijdens totstandkoming van de uitvraag beschikbaar waren in de DT.</t>
  </si>
  <si>
    <t>Alle gevraagde klinische diagnose termen (klachten, diagnoses, comorbiditeiten) worden beschreven in de DT.
Er is een ontwikkelplan en actief dialoog voor opname van klinische diagnose termen in de DT.</t>
  </si>
  <si>
    <t>2. Aansluiting bij landelijke initiatieven;
4. Automatisering; 
5. Kwaliteit van gegevensverzameling.</t>
  </si>
  <si>
    <t>Diagnosethesaurus</t>
  </si>
  <si>
    <r>
      <t xml:space="preserve">1. Einddocument opgeleverd door SKMS programma
2. Uitgewerkt Excel opgeleverd door SKMS programma
</t>
    </r>
    <r>
      <rPr>
        <b/>
        <sz val="11"/>
        <color rgb="FF000000"/>
        <rFont val="Calibri"/>
        <family val="2"/>
      </rPr>
      <t xml:space="preserve">Indien niet is deelgenomen aan het programma Verduurzamen Kwaliteitsregistraties:
</t>
    </r>
    <r>
      <rPr>
        <sz val="11"/>
        <color rgb="FF000000"/>
        <rFont val="Calibri"/>
        <family val="2"/>
      </rPr>
      <t>5. Mapping naar klinische termen</t>
    </r>
  </si>
  <si>
    <t>De klinische termen voor verrichtingen zijn gemapt voor zover deze tijdens totstandkoming van de uitvraag beschikbaar waren in de VT.</t>
  </si>
  <si>
    <t>Alle gevraagde klinische termen voor verrichtingen worden beschreven in de VT.
Er is een ontwikkelplan en actief dialoog voor opname van klinische diagnose termen in de VT.</t>
  </si>
  <si>
    <t>Verrichtingenthesaurus</t>
  </si>
  <si>
    <t>2.3</t>
  </si>
  <si>
    <r>
      <rPr>
        <b/>
        <sz val="11"/>
        <color rgb="FF000000"/>
        <rFont val="Calibri"/>
        <family val="2"/>
      </rPr>
      <t>Gebruik Eenheid van Taal</t>
    </r>
    <r>
      <rPr>
        <sz val="11"/>
        <color rgb="FF000000"/>
        <rFont val="Calibri"/>
        <family val="2"/>
      </rPr>
      <t>: De gebruikte Informatiestandaarden volgen uit de Grondplaat Eenheid van Taal (zoals vastgesteld door informatieberaad)</t>
    </r>
  </si>
  <si>
    <t xml:space="preserve">Voor gestructureerde medische terminologie zijn veel verschillende Informatiestandaarden beschikbaar. Om data te hergebruiken - en interdisciplinair, nationaal en internationaal te kunnen samenwerken - is het van belang om afspraken te maken welke standaarden leidend zijn. Het informatieberaad heeft hiervoor ingestemd met de Grondplaat Eenheid van Taal. </t>
  </si>
  <si>
    <t xml:space="preserve">Er is een gedetailleerde uitwerking aanwezig van alle data items waarbij in kaart is gebracht of deze gemapt zijn op een ZIB, het DT of VT. 
Alle datapunten die niet gemapt zijn op een ZIB, de DT of VT zijn gemapt naar SNOMED/LOINC/IDMP, of hebben een uitleg waarom dit niet mogelijk is. </t>
  </si>
  <si>
    <t>N/a. Voor een ideaal scenario wordt voldaan aan criteria 2.1 en 2.2.</t>
  </si>
  <si>
    <t>1. Open standaarden en internationale normen;
2. Aansluiting bij landelijke initiatieven;
4. Automatisering; 
5. Kwaliteit van gegevensverzameling.</t>
  </si>
  <si>
    <t>SNOMED CT/LOINC/IDMP-codering (conform grondplaat Eenheid van Taal, besluit IB 26-3-2018)</t>
  </si>
  <si>
    <r>
      <rPr>
        <sz val="11"/>
        <color rgb="FF000000"/>
        <rFont val="Calibri"/>
        <family val="2"/>
      </rPr>
      <t xml:space="preserve">1. Einddocument opgeleverd door SKMS programma
2. Uitgewerkt Excel opgeleverd door SKMS programma
</t>
    </r>
    <r>
      <rPr>
        <b/>
        <sz val="11"/>
        <color rgb="FF000000"/>
        <rFont val="Calibri"/>
        <family val="2"/>
      </rPr>
      <t xml:space="preserve">Indien niet is deelgenomen aan het programma Verduurzamen Kwaliteitsregistraties:
</t>
    </r>
    <r>
      <rPr>
        <sz val="11"/>
        <color rgb="FF000000"/>
        <rFont val="Calibri"/>
        <family val="2"/>
      </rPr>
      <t>6. Mapping op Grondplaat Eenheid van Taal</t>
    </r>
  </si>
  <si>
    <r>
      <t>Dataoptimalisatie</t>
    </r>
    <r>
      <rPr>
        <sz val="11"/>
        <color theme="1"/>
        <rFont val="Calibri"/>
        <family val="2"/>
        <scheme val="minor"/>
      </rPr>
      <t xml:space="preserve">: De dataset die wordt uitgevraagd moet worden geoptimaliseerd </t>
    </r>
  </si>
  <si>
    <t>3.1</t>
  </si>
  <si>
    <r>
      <t>Eliminatie van afgeleide informatie uit dataset</t>
    </r>
    <r>
      <rPr>
        <sz val="11"/>
        <color theme="1"/>
        <rFont val="Calibri"/>
        <family val="2"/>
        <scheme val="minor"/>
      </rPr>
      <t xml:space="preserve">: Er wordt geen afgeleide data uitgevraagd </t>
    </r>
  </si>
  <si>
    <t>Om te voorkomen dat de administratieve last aan de registratiekant ligt en ervoor te zorgen dat brondata optimaal gebruikt wordt, is het van belang dat afgeleide data niet handmatig aangeleverd hoeft te worden, ofwel de basisgegevens worden uitgevraagd dan wel afleiding automatisch in het proces geregeld is. 
Voorbeeld 1: BMI kan worden afgeleid uit lengte en gewicht; dus moet niet als apart data-item uitgevraagd worden
Voorbeeld 2: ja/nee antwoord mogelijkheden kunnen ook vormen van afgeleide data zijn</t>
  </si>
  <si>
    <t>Er is een gedocumenteerd beheerproces waarbij ook data optimalisatie wordt behandeld.</t>
  </si>
  <si>
    <t>Geen uitvraag van afgeleide of af te leiden informatie en dataoptimalisatie ten behoeve van bereiken van het verbeterpotentieel.</t>
  </si>
  <si>
    <t>4. Automatisering</t>
  </si>
  <si>
    <t>n.v.t.</t>
  </si>
  <si>
    <t>1. Einddocument opgeleverd door SKMS programma
2. Uitgewerkt Excel opgeleverd door SKMS programma
7. Verwijzing naar URL data dictionary
8. Beheerproces data dictionary</t>
  </si>
  <si>
    <r>
      <t>Toegankelijkheid &amp; Inzichtelijkheid</t>
    </r>
    <r>
      <rPr>
        <sz val="11"/>
        <rFont val="Calibri"/>
        <family val="2"/>
        <scheme val="minor"/>
      </rPr>
      <t>: De informatie over de data dictionary van de KR is toegankelijk</t>
    </r>
  </si>
  <si>
    <t>4.1</t>
  </si>
  <si>
    <r>
      <t>Toegankelijkheid data dictionary</t>
    </r>
    <r>
      <rPr>
        <sz val="11"/>
        <rFont val="Calibri"/>
        <family val="2"/>
        <scheme val="minor"/>
      </rPr>
      <t>: De specificatie van de data dictionary van de KR is toegankelijk en inzichtelijk via de Registratiehouder en/of de dataverwerker</t>
    </r>
  </si>
  <si>
    <t xml:space="preserve">Voor partijen die data moeten aanleveren of de data dictionary willen gebruiken, is het van belang dat de specificatie van deze data dictionary toegankelijk en inzichtelijk is. </t>
  </si>
  <si>
    <t>De data dictionary is gepubliceerd en is openbaar toegankelijk.</t>
  </si>
  <si>
    <t xml:space="preserve">De technische specificatie is gepubliceerd (evt. In de vorm van verwijzing):
•	 Van de datapunten is vermeld wat de aanleverspecificaties per dataveld zijn (zoals datatype en format). </t>
  </si>
  <si>
    <r>
      <t xml:space="preserve">Het voldoen aan het minimumvereiste is een </t>
    </r>
    <r>
      <rPr>
        <b/>
        <sz val="11"/>
        <color theme="1"/>
        <rFont val="Calibri"/>
        <family val="2"/>
        <scheme val="minor"/>
      </rPr>
      <t>knock-out</t>
    </r>
    <r>
      <rPr>
        <sz val="11"/>
        <color theme="1"/>
        <rFont val="Calibri"/>
        <family val="2"/>
        <scheme val="minor"/>
      </rPr>
      <t xml:space="preserve"> criterium in de toetsing conform ministeriële regeling.</t>
    </r>
  </si>
  <si>
    <t xml:space="preserve">5. Kwaliteit van gegevensverzameling (waaronder transparantie);
6. Continue verbetering. </t>
  </si>
  <si>
    <t>7. Verwijzing naar URL data dictionary</t>
  </si>
  <si>
    <t>4.2</t>
  </si>
  <si>
    <r>
      <t>Inzichtelijkheid organisatie beheer &amp; onderhoud data dictionary</t>
    </r>
    <r>
      <rPr>
        <sz val="11"/>
        <rFont val="Calibri"/>
        <family val="2"/>
        <scheme val="minor"/>
      </rPr>
      <t>: De KR en dataverwerker hebben het beheer en onderhoud van de data dictionary georganiseerd en kunnen dit aantonen</t>
    </r>
  </si>
  <si>
    <t>Door ontwikkelingen in de zorg, informatie en technische standaarden te verwerken tijdens het beheerproces van de data dictionary, wordt ervoor gewaakt dat er geen data meer worden uitgevraagd die niet meer gebruikt worden of niet meer zinnig zijn om uit te vragen. Een beheerproces zorgt voor een vermindering van administratieve lasten en een continue verbetering van de dictionary. 
Voorbeeld: vroeger was het interessant om uit te vragen of er een time out procedure werd uitgevoerd op de OK. Tegenwoordig is het verplicht en doet iedereen dit, waardoor het niet langer interessant is dit uit te vragen.</t>
  </si>
  <si>
    <t>Er wordt een beschrijving gegeven van het beheerproces van de data dictionary. Dit betreft een document waarbij duidelijk is dat het beheerproces is afgestemd tussen de registratiehouder en de dataverwerker. 
De volgende elementen moeten minimaal beschreven zijn: 
- frequentie
- hoe dataoptimalisatie wordt toegepast
- verbeterpotentieel
- welke rollen/expertisen betrokken zijn
- omgang met verschillende databronnen/stromen.</t>
  </si>
  <si>
    <t xml:space="preserve">Beheer en onderhoud is een ingebed proces in de dagelijkse operatie van de KR, waarbij periodiek gecontroleerd wordt of het proces adequaat functioneert. 
Inzichtelijk hoe de KR wijzigingen in variabelen (datapunten) communiceert aan DV en EPD-leveranciers, en binnen welke tijdspanne aanpassingen doorgevoerd worden. </t>
  </si>
  <si>
    <t>5. Kwaliteit van gegevensverzameling;
6. Continue verbetering.
7. Efficiënt werken</t>
  </si>
  <si>
    <t>8. Beheerproces data dictionary</t>
  </si>
  <si>
    <r>
      <t>Aanlevering</t>
    </r>
    <r>
      <rPr>
        <sz val="11"/>
        <color rgb="FF000000"/>
        <rFont val="Calibri"/>
        <family val="2"/>
        <scheme val="minor"/>
      </rPr>
      <t>: De aanlevering van de datasets is gestructureerd en gestandaardiseerd</t>
    </r>
  </si>
  <si>
    <t>5.1</t>
  </si>
  <si>
    <r>
      <t>Vorm van (her-) aanlevering en teruglevering</t>
    </r>
    <r>
      <rPr>
        <sz val="11"/>
        <color rgb="FF000000"/>
        <rFont val="Calibri"/>
        <family val="2"/>
        <scheme val="minor"/>
      </rPr>
      <t>: De aanlevering van data gebeurt minimaal middels push</t>
    </r>
  </si>
  <si>
    <t>Door aanlevering van de datasets te structureren en standaardiseren, wordt bijgedragen aan het verminderen van administratieve lasten en het efficiënter inrichten van dataverzameling en -verwerking.</t>
  </si>
  <si>
    <t>KR zorgt ervoor dat data minimaal via een van deze twee routes bestanden aangeleverd kunnen worden:
1. Via een gebruiksvriendelijk uploadportal, waar batchbestanden geüpload kunnen worden en de status van verwerking gerapporteerd wordt. 
OF 
2. automatisch middels FHIR API calls
Daarnaast zijn er minimaal afspraken gemaakt over
- heraanlevering (bijv. in het geval dat er fouten zitten in de originele aanlevering of bij aanvullingen)
- of de zorgaanbieder zelf eigen data terug kan vragen 
- is er wijzigingsbeheer aanwezig 
i. Versiebeheer wordt toegepast op de data zelf
ii. Elke melding (een fout, een onwaarschijnlijke waarde, een omgerekende waarde) over een aanlevering wordt genoteerd met soort, datum/tijd, reden (uitleg) en een traceer-ID naar de aanlevering (de bron waarover de melding gaat) zelf
In de praktijk is het de KR toegestaan om aan zorgaanbieders die nog niet uploaden een webformulier beschikbaar te stellen. In het geval dat gebruik wordt gemaakt van een webformulier, is het de bedoeling dat dit een tijdelijke oplossing is bij een pilot of overgangsperiode (maximaal 1 jaar). Daarnaast is het niet de bedoeling dat een webformulier de enige aanleverroute is.</t>
  </si>
  <si>
    <t>Heraanlevering is zo veel mogelijk onnodig gemaakt door goede aanlevering/data beschikbaarheid en data kwaliteit. De aanvraagvorm is geheel automatisch middels FHIR API calls (pull)
- Wanneer noodzakelijk, is heraanlevering echter nog wel mogelijk
Data zijn voor zowel eigen gebruik als secundair makkelijk opvraagbaar mits aan bepaalde (door KR vast te stellen) aanvraagcriteria is voldaan. 
- Voor secundair gebruik moet voor elke individuele aanvraag een afweging t.a.v. het delen van de data worden gemaakt (o.a. in het kader van de AVG).
Er is wijzigingsbeheer aanwezig.
i. Versiebeheer wordt toegepast op de data zelf
ii. Elke melding (een fout, een onwaarschijnlijke waarde, een omgerekende waarde) over een aanlevering wordt genoteerd met soort, datum/tijd, reden (uitleg) en een traceer-ID naar de aanlevering (de bron waarover de melding gaat) zelf</t>
  </si>
  <si>
    <t>1. Open standaarden en internationale normen;
2. Aansluiting bij landelijke initiatieven;
4. Automatisering.</t>
  </si>
  <si>
    <t>Push of pull 
i.c.m. webportal; https://www.nictiz.nl/apis-zorg</t>
  </si>
  <si>
    <t>9. Aanleverinstructies
10. URL en screenshots van het uploadportal
11. EndPoint / API beschrijving</t>
  </si>
  <si>
    <t>5.2</t>
  </si>
  <si>
    <r>
      <t>Standaarden rondom aanleverroutes</t>
    </r>
    <r>
      <rPr>
        <sz val="11"/>
        <color rgb="FF000000"/>
        <rFont val="Calibri"/>
        <family val="2"/>
        <scheme val="minor"/>
      </rPr>
      <t xml:space="preserve">: De aanlevering van data is middels gestandaardiseerde bestandsformats </t>
    </r>
  </si>
  <si>
    <t>Via het uploadportal wordt gebruik gemaakt van gestandaardiseerde bestandsformaten bij alle databestanden die worden opgevraagd. Dit staat beschreven in de data dictionary.
Er wordt een bestandsformaat met metadata gebruikt (bijv. XML of JSON)</t>
  </si>
  <si>
    <t xml:space="preserve">Data wordt realtime middels FHIR o.b.v. XML of JSON (geen bestanden maar berichten) verstuurd zodra deze lokaal is aangemaakt of aangepast opdat een KR direct up-to-date is. </t>
  </si>
  <si>
    <t>CSV, XML, JSON en http://hl7.org/fhir/clinicalreasoning-quality-reporting.html
https://hl7.org/fhir/uv/bulkdata/
https://build.fhir.org/ig/HL7/cqf-measures/</t>
  </si>
  <si>
    <t xml:space="preserve">7. Verwijzing naar URL data dictionary
11. EndPoint / API beschrijving
12. Controle op geharmoniseerde standaarden
</t>
  </si>
  <si>
    <r>
      <t>Pseudonimisatie</t>
    </r>
    <r>
      <rPr>
        <sz val="11"/>
        <color rgb="FF000000"/>
        <rFont val="Calibri"/>
        <family val="2"/>
        <scheme val="minor"/>
      </rPr>
      <t>: De data is gepseudonimiseerd waar nodig</t>
    </r>
  </si>
  <si>
    <t>6.1</t>
  </si>
  <si>
    <r>
      <t xml:space="preserve">•	 Ter bescherming van de verwerkte persoonsgegevens maakt KR gebruik van pseudonimisering voor direct identificeerbare gegevens (conform artikel 32 AVG).
•	 Binnen een registratie wordt steeds hetzelfde pseudoniem voor dezelfde persoon aangemaakt (de pseudonimisatie is herhaalbaar). 
•	 Tussen registraties zijn personen niet koppelbaar op basis van pseudoniemen zonder aanvullende technische en organisatorische maatregelen. 
•	 Rollen bij pseudonimisatie processen zijn beschreven. 
</t>
    </r>
    <r>
      <rPr>
        <b/>
        <sz val="11"/>
        <color rgb="FF000000"/>
        <rFont val="Calibri"/>
        <family val="2"/>
      </rPr>
      <t xml:space="preserve">Vanaf wijziging Wkkgz:
</t>
    </r>
    <r>
      <rPr>
        <sz val="11"/>
        <color rgb="FF000000"/>
        <rFont val="Calibri"/>
        <family val="2"/>
      </rPr>
      <t>Pseudonimisering gebeurt zo dicht mogelijk bij de bron.</t>
    </r>
  </si>
  <si>
    <r>
      <t xml:space="preserve">•	 Er is beschreven hoe KR en dataverwerker met de ontvangen gepseudonimiseerde gegevens omgaan. 
</t>
    </r>
    <r>
      <rPr>
        <sz val="11"/>
        <rFont val="Calibri"/>
        <family val="2"/>
      </rPr>
      <t>•	 KR werkt met een TTP die NEN7524 volgt en de openbare methode voor pseudonimisatie (zie begrippenlijst) gebruikt.</t>
    </r>
    <r>
      <rPr>
        <sz val="11"/>
        <color rgb="FF000000"/>
        <rFont val="Calibri"/>
        <family val="2"/>
      </rPr>
      <t xml:space="preserve">
</t>
    </r>
    <r>
      <rPr>
        <b/>
        <sz val="11"/>
        <color rgb="FF000000"/>
        <rFont val="Calibri"/>
        <family val="2"/>
      </rPr>
      <t xml:space="preserve">Tot wijziging Wkkgz
</t>
    </r>
    <r>
      <rPr>
        <sz val="11"/>
        <color rgb="FF000000"/>
        <rFont val="Calibri"/>
        <family val="2"/>
      </rPr>
      <t xml:space="preserve">•	 Pseudonimisering gebeurt hierbij zo dicht mogelijk bij de bron. Vanaf wijziging Wkkgz is dit een </t>
    </r>
    <r>
      <rPr>
        <i/>
        <sz val="11"/>
        <color rgb="FF000000"/>
        <rFont val="Calibri"/>
        <family val="2"/>
      </rPr>
      <t>must</t>
    </r>
    <r>
      <rPr>
        <sz val="11"/>
        <color rgb="FF000000"/>
        <rFont val="Calibri"/>
        <family val="2"/>
      </rPr>
      <t xml:space="preserve"> have, tot die tijd is het </t>
    </r>
    <r>
      <rPr>
        <i/>
        <sz val="11"/>
        <color rgb="FF000000"/>
        <rFont val="Calibri"/>
        <family val="2"/>
      </rPr>
      <t>nice</t>
    </r>
    <r>
      <rPr>
        <sz val="11"/>
        <color rgb="FF000000"/>
        <rFont val="Calibri"/>
        <family val="2"/>
      </rPr>
      <t xml:space="preserve"> to have. 
</t>
    </r>
    <r>
      <rPr>
        <b/>
        <sz val="11"/>
        <color rgb="FF000000"/>
        <rFont val="Calibri"/>
        <family val="2"/>
      </rPr>
      <t xml:space="preserve">Na wijziging Wkkgz
</t>
    </r>
    <r>
      <rPr>
        <sz val="11"/>
        <color rgb="FF000000"/>
        <rFont val="Calibri"/>
        <family val="2"/>
      </rPr>
      <t xml:space="preserve">•	 Gepseudonimiseerde data uit verschillende registraties zijn met behulp van een nieuwe pseudonimisatie via een TTP koppelbaar op basis van een gestandaardiseerde methode. 
</t>
    </r>
  </si>
  <si>
    <r>
      <t xml:space="preserve">Het voldoen aan het minimumvereiste is een </t>
    </r>
    <r>
      <rPr>
        <b/>
        <sz val="11"/>
        <rFont val="Calibri"/>
        <family val="2"/>
        <scheme val="minor"/>
      </rPr>
      <t>knock-out</t>
    </r>
    <r>
      <rPr>
        <sz val="11"/>
        <rFont val="Calibri"/>
        <family val="2"/>
        <scheme val="minor"/>
      </rPr>
      <t xml:space="preserve"> criterium in de toetsing conform ministeriële regeling.</t>
    </r>
  </si>
  <si>
    <t>3. Privacy en security by design;
5. Kwaliteit van gegevensverzameling.</t>
  </si>
  <si>
    <t>AVG
Wkkgz (toekomstig) NEN7524:2019
ISO25237:2017
ENISA Pseudonymisation techniques and best practices (2019) 
ENISA Data Pseudonymisation: Advanced Techniques &amp; Use Cases (2021)</t>
  </si>
  <si>
    <t>13. NEN7510 / ISO 27001 certificering
14. Omschrijving Pseudonimiseringsmaatregelen</t>
  </si>
  <si>
    <r>
      <t>Validaties</t>
    </r>
    <r>
      <rPr>
        <sz val="11"/>
        <rFont val="Calibri"/>
        <family val="2"/>
        <scheme val="minor"/>
      </rPr>
      <t>: De data zijn gevalideerd en van de validaties zijn rapportages met uitkomsten beschikbaar</t>
    </r>
  </si>
  <si>
    <t>7.1</t>
  </si>
  <si>
    <r>
      <t>Validatiecriteria</t>
    </r>
    <r>
      <rPr>
        <sz val="11"/>
        <color rgb="FF000000"/>
        <rFont val="Calibri"/>
        <family val="2"/>
        <scheme val="minor"/>
      </rPr>
      <t xml:space="preserve">: Datasets worden gevalideerd </t>
    </r>
  </si>
  <si>
    <t>Validatie van datasets draagt bij aan het verhogen van de datakwaliteit, waaronder volledigheid en correctheid, en daarmee aan betrouwbaarheid en bruikbaarheid van de data (mede door het efficiënter inrichten van de dataverzameling en -verwerking.
Rapportages van uitkomsten van de validaties laten zien waar eventuele verbeterpunten ten aanzien van de datasets liggen.</t>
  </si>
  <si>
    <t xml:space="preserve">•	 Bij aanlevering van de data, vindt er een technische validatie plaats op de inkomende data.
•	 Er is een gedocumenteerd proces om fouten voortkomend uit de inkomende data te behandelen. </t>
  </si>
  <si>
    <t xml:space="preserve">Er is een data dictionary beschikbaar en er wordt getest op alle beschreven validaties op:
•	 de data-aanlevering (datatype, dataformaat, codestelsels en inhoud);
•	 het proces (metadata aanwezig en juist); en
•	 de samenhang (indien dezelfde data uit verschillende bronnen samenkomt, inclusief business rules om dit te verwerken). 
•	 de inhoudelijke data (sanity checks op de juistheid van de data).
•	 in het geval van aanlevering middels FHIR, moeten de validaties rekening houden met beschikbaarheid van de data
•	 indien er een validatie-regel wordt overschreden, communiceert KR duidelijk in de terugkoppeling aan de aanleveraar of/en hoe de data kan worden gecorrigeerd. </t>
  </si>
  <si>
    <t>5. Kwaliteit van gegevensverzameling;
6. Continue verbetering.</t>
  </si>
  <si>
    <t>Data Quality Goals, Principles &amp; Dimensions</t>
  </si>
  <si>
    <t>7. Verwijzing naar URL data dictionary
15. Overzicht van gedocumenteerde controls
16. Testomgeving</t>
  </si>
  <si>
    <t>7.2</t>
  </si>
  <si>
    <r>
      <t>Beschikbaarheid &amp; datakwaliteitsrapportage</t>
    </r>
    <r>
      <rPr>
        <sz val="11"/>
        <color rgb="FF000000"/>
        <rFont val="Calibri"/>
        <family val="2"/>
        <scheme val="minor"/>
      </rPr>
      <t>: Datakwaliteitsrapportages zijn op tijd beschikbaar</t>
    </r>
  </si>
  <si>
    <t>•	 Er is een gestandaardiseerde wijze van [terugkoppeling van] de uitgevoerde validaties
•	 Er is een gedocumenteerde procedure waarin minimaal wordt vastgelegd:
- Hoe en wanneer er heldere terugkoppeling naar de aanleverende zorgaanbieder plaatsvindt
- Welke validaties worden uitgevoerd</t>
  </si>
  <si>
    <t>Er is een real-time geautomatiseerde gestandaardiseerde rapportage beschikbaar over de kwaliteit en de validatie van de aangeleverde data bij aanlevering, bijvoorbeeld door middel van een dashboard, en toegang wordt ondersteund door gebruik van een landelijk gestandaardiseerde SSO (bv. Surfconext).</t>
  </si>
  <si>
    <t>Bijvoorbeeld eMeasures en clinicalreasoning-quality reporting</t>
  </si>
  <si>
    <t>17. Aanleverrapportage
18. Procedure aanleverrapportage</t>
  </si>
  <si>
    <r>
      <t xml:space="preserve">Overeenkomsten: </t>
    </r>
    <r>
      <rPr>
        <sz val="11"/>
        <color rgb="FF000000"/>
        <rFont val="Calibri"/>
        <family val="2"/>
        <scheme val="minor"/>
      </rPr>
      <t xml:space="preserve">De onderlinge relatie tussen de Registratiehouder en de verwerker dan wel zorgaanbieder en de daarbij horende verantwoordelijkheden zijn vastgelegd in overeenkomsten
</t>
    </r>
    <r>
      <rPr>
        <b/>
        <sz val="11"/>
        <color rgb="FF000000"/>
        <rFont val="Calibri"/>
        <family val="2"/>
        <scheme val="minor"/>
      </rPr>
      <t xml:space="preserve">
</t>
    </r>
  </si>
  <si>
    <t>8.1</t>
  </si>
  <si>
    <r>
      <rPr>
        <b/>
        <sz val="11"/>
        <rFont val="Calibri"/>
        <family val="2"/>
      </rPr>
      <t>Deelnameovereenkomst</t>
    </r>
    <r>
      <rPr>
        <b/>
        <sz val="11"/>
        <color rgb="FF000000"/>
        <rFont val="Calibri"/>
        <family val="2"/>
      </rPr>
      <t>:</t>
    </r>
    <r>
      <rPr>
        <sz val="11"/>
        <color rgb="FF000000"/>
        <rFont val="Calibri"/>
        <family val="2"/>
      </rPr>
      <t xml:space="preserve"> Er is een deelnameovereenkomst tussen de Registratiehouder en de zorgaanbieder
</t>
    </r>
    <r>
      <rPr>
        <b/>
        <sz val="11"/>
        <color rgb="FF000000"/>
        <rFont val="Calibri"/>
        <family val="2"/>
      </rPr>
      <t>Dit criterium geldt tot wijziging van de Wkkgz.</t>
    </r>
  </si>
  <si>
    <r>
      <rPr>
        <sz val="11"/>
        <color rgb="FF000000"/>
        <rFont val="Calibri"/>
        <family val="2"/>
      </rPr>
      <t xml:space="preserve">Om een goede samenwerking tussen partijen te bewerkstelligen en (eventuele toekomstige) onduidelijkheden te voorkomen, is het van belang dat in de deelnameovereenkomst is overeengekomen over bepaalde onderwerpen. </t>
    </r>
    <r>
      <rPr>
        <i/>
        <sz val="11"/>
        <color rgb="FF000000"/>
        <rFont val="Calibri"/>
        <family val="2"/>
      </rPr>
      <t>Zie voor de onderwerpen de kolommen 'minimumvereiste' en 'groeipad'.
Dit criterium geldt tot wijziging van de Wkkgz. Na inwerkingtreding van de gewijzigde Wkkgz veranderen de partijen waartussen de relevante overeenkomsten gesloten worden. De deelnameovereenkomst tussen de Registratiehouder en de zorgaanbieder zal komen te vervallen. In plaats daarvan zal een DVO komen.</t>
    </r>
  </si>
  <si>
    <r>
      <rPr>
        <sz val="11"/>
        <color rgb="FF000000"/>
        <rFont val="Calibri"/>
        <family val="2"/>
      </rPr>
      <t xml:space="preserve">De deelnameovereenkomst bevat minimaal de volgende onderwerpen:
•	 Doeleinden;
•	 Wijze van data-aanlevering en terugkoppeling van data;
•	 Kosten;
•	 Geheimhouding en vertrouwelijkheid (breder dan enkel persoonsgegevens);
•	 Aansprakelijkheid (aansprakelijkheidsverzekering);
•	 Duur en beëindiging;
</t>
    </r>
    <r>
      <rPr>
        <i/>
        <sz val="11"/>
        <color rgb="FF000000"/>
        <rFont val="Calibri"/>
        <family val="2"/>
      </rPr>
      <t xml:space="preserve">
</t>
    </r>
    <r>
      <rPr>
        <sz val="11"/>
        <color rgb="FF000000"/>
        <rFont val="Calibri"/>
        <family val="2"/>
      </rPr>
      <t>Indien bovenstaande onderwerpen t.a.v. de onderlinge relatie tussen de Registratiehouder zorgaanbieder niet in een overeenkomst zijn geregeld, maar wel aantoonbaar is in andere documentatie (bijv. gepubliceerd op website), dan kan door middel van verwijzing naar deze documenten ook aan dit criterium worden voldaan.</t>
    </r>
  </si>
  <si>
    <t>De deelnameovereenkomst bevat de volgende onderdelen:
•	 Definities;
•	 Doeleinden;
•	 Wijze van data-aanlevering en terugkoppeling van data;
•	 Kosten;
•	 Intellectueel eigendom;
•	 Geheimhouding en vertrouwelijkheid (breder dan enkel persoonsgegevens);
•	 Aansprakelijkheid (aansprakelijkheidsverzekering);
•	 Duur en beëindiging;
•	 Contactpersonen;
•	 Toepasselijk recht.</t>
  </si>
  <si>
    <r>
      <t xml:space="preserve">Het voldoen aan het minimumvereiste is een </t>
    </r>
    <r>
      <rPr>
        <b/>
        <sz val="11"/>
        <color theme="1"/>
        <rFont val="Calibri"/>
        <family val="2"/>
        <scheme val="minor"/>
      </rPr>
      <t>knock-out</t>
    </r>
    <r>
      <rPr>
        <sz val="11"/>
        <color theme="1"/>
        <rFont val="Calibri"/>
        <family val="2"/>
        <scheme val="minor"/>
      </rPr>
      <t xml:space="preserve"> criterium in de toetsing </t>
    </r>
    <r>
      <rPr>
        <sz val="11"/>
        <rFont val="Calibri"/>
        <family val="2"/>
        <scheme val="minor"/>
      </rPr>
      <t>conform ministeriële regeling</t>
    </r>
    <r>
      <rPr>
        <sz val="11"/>
        <color theme="1"/>
        <rFont val="Calibri"/>
        <family val="2"/>
        <scheme val="minor"/>
      </rPr>
      <t>.</t>
    </r>
  </si>
  <si>
    <t>5. Kwaliteit van gegevensverzameling.</t>
  </si>
  <si>
    <t>Nederlands contractenrecht (BW)
Inkoopvoorwaarden</t>
  </si>
  <si>
    <t>RH</t>
  </si>
  <si>
    <t>19. Deelnameovereenkomst, incl. bijlagen</t>
  </si>
  <si>
    <t>8.2</t>
  </si>
  <si>
    <r>
      <t>Verwerkersovereenkomst</t>
    </r>
    <r>
      <rPr>
        <sz val="11"/>
        <color rgb="FF000000"/>
        <rFont val="Calibri"/>
        <family val="2"/>
      </rPr>
      <t xml:space="preserve">: Indien van toepassing sluit de Registratiehouder een verwerkersovereenkomst met de verwerker(s) conform de vereisten van de AVG
</t>
    </r>
    <r>
      <rPr>
        <b/>
        <sz val="11"/>
        <color rgb="FF000000"/>
        <rFont val="Calibri"/>
        <family val="2"/>
      </rPr>
      <t xml:space="preserve">
Na wijziging Wkkgz is de verwerkersovereenkomst verplicht. </t>
    </r>
  </si>
  <si>
    <t>De Registratiehouder moet voldoen aan artikel 28 AVG door een (model)verwerkersovereenkomst met de verwerker(s) conform de vereisten van de AVG te sluiten.
Een modelverwerkersovereenkomst tussen de Registratiehouder en verwerker draagt bij aan eenheid van contracten, waardoor ook eenheid van inhoudelijke afspraken wordt afgedwongen.</t>
  </si>
  <si>
    <r>
      <t xml:space="preserve">Registratiehouder (verwerkingsverantwoordelijke) heeft met de verwerker een verwerkersovereenkomst [conform Artikel 28 lid 3 AVG] gesloten waarin de verwerking is geregeld en die de verwerker ten aanzien van de Registratiehouder bindt. 
Onderwerpen die in ieder geval in de verwerkersovereenkomst zijn omschreven:
•	 Onderwerp en duur van de verwerking
•	 De aard en het doel van de verwerking
•	 Het soort persoonsgegevens
•	 De categorieën van betrokkenen
•	 De rechten en verplichtingen van de Registratiehouder
•	 Bewaartermijnen
</t>
    </r>
    <r>
      <rPr>
        <b/>
        <sz val="11"/>
        <rFont val="Calibri"/>
        <family val="2"/>
        <scheme val="minor"/>
      </rPr>
      <t xml:space="preserve">Tot wijziging Wkkgz: </t>
    </r>
    <r>
      <rPr>
        <sz val="11"/>
        <rFont val="Calibri"/>
        <family val="2"/>
        <scheme val="minor"/>
      </rPr>
      <t xml:space="preserve">
De volgende onderwerpen zijn geregeld </t>
    </r>
    <r>
      <rPr>
        <i/>
        <sz val="11"/>
        <rFont val="Calibri"/>
        <family val="2"/>
        <scheme val="minor"/>
      </rPr>
      <t>(Na inwerkingtreding Wkkgz valt dit onder de hoofdovereenkomst tussen Registratiehouder en verwerker</t>
    </r>
    <r>
      <rPr>
        <sz val="11"/>
        <rFont val="Calibri"/>
        <family val="2"/>
        <scheme val="minor"/>
      </rPr>
      <t>):
•	 Frequentie van rapportages
•	 Termijnen waarop wijzigingen moeten worden doorgevoerd</t>
    </r>
  </si>
  <si>
    <r>
      <t xml:space="preserve">Er is een PDCA-cyclus toegepast om (de bijlagen bij) de verwerkersovereenkomst periodiek te evalueren en zo nodig te updaten
</t>
    </r>
    <r>
      <rPr>
        <b/>
        <sz val="11"/>
        <color theme="1"/>
        <rFont val="Calibri"/>
        <family val="2"/>
        <scheme val="minor"/>
      </rPr>
      <t>Na wijziging Wkkgz:</t>
    </r>
    <r>
      <rPr>
        <sz val="11"/>
        <color theme="1"/>
        <rFont val="Calibri"/>
        <family val="2"/>
        <scheme val="minor"/>
      </rPr>
      <t xml:space="preserve">
Alle Registratiehouders maken gebruik van de modelovereenkomst </t>
    </r>
  </si>
  <si>
    <r>
      <t xml:space="preserve">Om een voldoende te scoren voor het toetsingscriterium, dient ten minste aan het minimumvereiste te worden voldaan.
</t>
    </r>
    <r>
      <rPr>
        <b/>
        <sz val="11"/>
        <color theme="1"/>
        <rFont val="Calibri"/>
        <family val="2"/>
        <scheme val="minor"/>
      </rPr>
      <t xml:space="preserve">Na wijziging van de Wkkgz is het minimumvereiste een knock-out criterium in de toetsing. </t>
    </r>
  </si>
  <si>
    <t>Artikel 28 AVG
UAVG</t>
  </si>
  <si>
    <t>RH/DV</t>
  </si>
  <si>
    <t>20. Verwerkersovereenkomst, incl. bijlagen</t>
  </si>
  <si>
    <t>8.3</t>
  </si>
  <si>
    <r>
      <t>Dit criterium geldt na wijziging van de Wkkgz (en de wettelijke verplichting van zorgaanbieders om deel te nemen aan de kwaliteitsregistratie).
Hoofdovereenkomst</t>
    </r>
    <r>
      <rPr>
        <sz val="11"/>
        <color rgb="FF000000"/>
        <rFont val="Calibri"/>
        <family val="2"/>
      </rPr>
      <t>: Er is een (model) hoofdovereenkomst tussen de Registratiehouder en de verwerker</t>
    </r>
  </si>
  <si>
    <r>
      <t xml:space="preserve">Om een goede samenwerking tussen partijen te bewerkstelligen en (eventuele toekomstige) onduidelijkheden te voorkomen, is het van belang dat in de hoofdovereenkomst is overeengekomen over bepaalde onderwerpen. </t>
    </r>
    <r>
      <rPr>
        <i/>
        <sz val="11"/>
        <rFont val="Calibri"/>
        <family val="2"/>
        <scheme val="minor"/>
      </rPr>
      <t>Zie voor de onderwerpen de kolommen 'minimumvereiste' en 'groeipad'.</t>
    </r>
    <r>
      <rPr>
        <sz val="11"/>
        <rFont val="Calibri"/>
        <family val="2"/>
        <scheme val="minor"/>
      </rPr>
      <t xml:space="preserve">
Een modelhoofdovereenkomst tussen de Registratiehouder en verwerker draagt bij aan eenheid van contracten, waardoor ook eenheid van inhoudelijke afspraken wordt afgedwongen.
</t>
    </r>
    <r>
      <rPr>
        <b/>
        <sz val="11"/>
        <rFont val="Calibri"/>
        <family val="2"/>
        <scheme val="minor"/>
      </rPr>
      <t>Dit criterium geldt pas na wijziging van de Wkkgz. Een modelovereenkomst zal dan klaarliggen. Na inwerkingtreding van de gewijzigde Wkkgz veranderen de partijen waartussen de hoofdovereenkomst gesloten wordt. Er is dan nl. geen hoofdovereenkomst meer tussen zorgaanbieder en verwerker maar tussen Registratiehouder en verwerker. Tot inwerkingtreding van de wijzigingen blijven de bestaande overeenkomsten van kracht.</t>
    </r>
  </si>
  <si>
    <t>Er is een hoofdovereenkomst tussen Registratiehouder en dataverwerker die minimaal ingaat op de volgende elementen: 
•	 Definities;
•	 Doeleinden (doelbinding);
•	 Samenhang en rangorde tussen overeenkomstenspecificatie van de opdracht (met afbakening tussen verwerking voor Registratiehouder en optionele verwerking zoals wetenschappelijk onderzoek en niet verplichte registraties);
•	 Wijze en frequentie van data-aanlevering en terugkoppeling van data (incl. gegevensdeling door zorgaanbieder/TTP);
•	 Kosten (afbakening tussen verwerking t.b.v. Registratiehouder en meerwerk);
•	 Intellectueel eigendom;
•	 Geheimhouding en vertrouwelijkheid (breder dan enkel persoonsgegevens);
•	 Aansprakelijkheid (beroeps- en bedrijfsaansprakelijkheidsverzekering, cyberriskverzekering);
•	 Duur en beëindiging (incl. exit plan en borging continuïteit van datatoegang);
•	 Contactpersonen;
•	 Toepasselijk recht.</t>
  </si>
  <si>
    <t xml:space="preserve">Alle Registratiehouders maken voor hun Hoofdovereenkomst met de verwerker gebruik van een modelhoofdovereenkomst die de onderwerpen, genoemd bij het minimumvereiste, regelt. </t>
  </si>
  <si>
    <r>
      <rPr>
        <sz val="11"/>
        <rFont val="Calibri"/>
        <family val="2"/>
        <scheme val="minor"/>
      </rPr>
      <t xml:space="preserve">Het voldoen aan het minimumvereiste is een </t>
    </r>
    <r>
      <rPr>
        <b/>
        <sz val="11"/>
        <rFont val="Calibri"/>
        <family val="2"/>
        <scheme val="minor"/>
      </rPr>
      <t>knock-out</t>
    </r>
    <r>
      <rPr>
        <sz val="11"/>
        <rFont val="Calibri"/>
        <family val="2"/>
        <scheme val="minor"/>
      </rPr>
      <t xml:space="preserve"> criterium in de toetsing conform ministeriële regeling.</t>
    </r>
  </si>
  <si>
    <t>21. Hoofdovereenkomst, incl. bijlagen</t>
  </si>
  <si>
    <t>8.4</t>
  </si>
  <si>
    <t>Dit criterium geldt na wijziging van de Wkkgz (en de wettelijke verplichting van zorgaanbieders om deel te nemen aan de kwaliteitsregistratie).
DVO: Er is een (model) DVO tussen de Registratiehouder en zorgaanbieder</t>
  </si>
  <si>
    <r>
      <t xml:space="preserve">Om een goede samenwerking tussen partijen te bewerkstelligen en (eventuele toekomstige) onduidelijkheden te voorkomen, is het van belang dat in de DVO is overeengekomen over bepaalde onderwerpen. </t>
    </r>
    <r>
      <rPr>
        <i/>
        <sz val="11"/>
        <rFont val="Calibri"/>
        <family val="2"/>
        <scheme val="minor"/>
      </rPr>
      <t>Zie voor de onderwerpen de kolommen 'minimumvereiste' en 'groeipad'.</t>
    </r>
    <r>
      <rPr>
        <sz val="11"/>
        <rFont val="Calibri"/>
        <family val="2"/>
        <scheme val="minor"/>
      </rPr>
      <t xml:space="preserve">
Een model-DVO tussen de Registratiehouder en zorgaanbieder draagt bij aan eenheid van contracten, waardoor ook eenheid van inhoudelijke afspraken wordt afgedwongen.
Dit criterium geldt pas na wijziging van de Wkkgz. Een modelovereenkomst zal dan klaarliggen. Na inwerkingtreding van de gewijzigde Wkkgz veranderen de partijen waartussen de relevante overeenkomsten gesloten worden. Er is dan geen deelnameovereenkomst meer tussen zorgaanbieder en Registratiehouder, maar een DVO. Tot inwerkingtreding van de wijzigingen blijven de bestaande overeenkomsten van kracht. </t>
    </r>
  </si>
  <si>
    <t>Er is een DVO tussen Registratiehouder en zorgaanbieder (beschrijving concrete dienst in DVO en inhoud/uitwerking specifieke dienstenbeschrijving in bijlage) die minimaal ingaat op de volgende elementen: 
•	 Definities;
•	 Doeleinden (doelbinding);
•	 Verantwoordelijkheidsgebied zorgverlener en Registratiehouder (verwerkingsverantwoordelijke) (aanlevering data door zorgaanbieder);
•	 Overige verantwoordelijkheden;
•	 Privacy van de data, onder meer grondslag voor verwerken persoonsgegevens, informatiebeveiliging, pseudonimisering/anonimisering, gegevensverstrekking aan derden, gebruik gegevens secundaire doelen, bewaartermijnen, communicatie tussen partijen en afspraken over externe informatieverstrekking/publicaties;
•	 Kosten (afbakening tussen verwerking t.b.v. Registratiehouder en meerwerk);
•	 Intellectueel eigendom;
•	 Geheimhouding en vertrouwelijkheid (breder dan enkel persoonsgegevens);
•	 Aansprakelijkheid (beroeps- en bedrijfsaansprakelijkheidsverzekering, cyberriskverzekering);
•	 Duur en beëindiging (incl. exit plan en borging continuïteit van datatoegang);
•	 Contactpersonen;
•	 Toepasselijk recht o.a. geschilbeslechting en van toepassing zijnde algemene voorwaarden.</t>
  </si>
  <si>
    <t xml:space="preserve">Alle Registratiehouders maken voor hun DVO met de zorgaanbieder gebruik van een model-DVO die de onderwerpen, genoemd bij het minimumvereiste, regelt. </t>
  </si>
  <si>
    <r>
      <t xml:space="preserve">Het voldoen aan het minimumvereiste is een </t>
    </r>
    <r>
      <rPr>
        <b/>
        <sz val="11"/>
        <color theme="1"/>
        <rFont val="Calibri"/>
        <family val="2"/>
        <scheme val="minor"/>
      </rPr>
      <t>knock-out</t>
    </r>
    <r>
      <rPr>
        <sz val="11"/>
        <color theme="1"/>
        <rFont val="Calibri"/>
        <family val="2"/>
        <scheme val="minor"/>
      </rPr>
      <t xml:space="preserve"> criterium in de toetsi</t>
    </r>
    <r>
      <rPr>
        <sz val="11"/>
        <rFont val="Calibri"/>
        <family val="2"/>
        <scheme val="minor"/>
      </rPr>
      <t>ng conform ministeriële regeling</t>
    </r>
    <r>
      <rPr>
        <sz val="11"/>
        <color theme="1"/>
        <rFont val="Calibri"/>
        <family val="2"/>
        <scheme val="minor"/>
      </rPr>
      <t>.</t>
    </r>
  </si>
  <si>
    <t>22. DVO, incl. bijlagen</t>
  </si>
  <si>
    <r>
      <t>Compliance</t>
    </r>
    <r>
      <rPr>
        <sz val="11"/>
        <color theme="1"/>
        <rFont val="Calibri"/>
        <family val="2"/>
        <scheme val="minor"/>
      </rPr>
      <t>: Registratiehouder voldoet aan de toepasselijke wet- en regelgeving op het gebied van privacy en gegevensbescherming</t>
    </r>
  </si>
  <si>
    <t>9.0</t>
  </si>
  <si>
    <r>
      <rPr>
        <b/>
        <sz val="11"/>
        <color rgb="FF000000"/>
        <rFont val="Calibri"/>
        <family val="2"/>
      </rPr>
      <t xml:space="preserve">Dit criterium geldt na wijziging van de Wkkgz.
</t>
    </r>
    <r>
      <rPr>
        <sz val="11"/>
        <color rgb="FF000000"/>
        <rFont val="Calibri"/>
        <family val="2"/>
      </rPr>
      <t xml:space="preserve">
De kwaliteitsregistratie toont door middel van een verklaring van de FG aan dat het voldoet aan toepasselijke wet- en regelgeving op het gebied van privacy en gegevensbescherming.</t>
    </r>
  </si>
  <si>
    <r>
      <t xml:space="preserve">De afspraken in criteria 9.1 t/m 9.5 zijn onderdeel van de verklaring van de FG. De criteria worden wel nog beoordeeld, waardoor aanlevering van de verklaring van de FG niet per definitie betekent dat de KR een voldoende scoort op de criteria in dit onderdeel. 
</t>
    </r>
    <r>
      <rPr>
        <b/>
        <sz val="11"/>
        <rFont val="Calibri"/>
        <family val="2"/>
        <scheme val="minor"/>
      </rPr>
      <t xml:space="preserve">De verklaring van de FG dat de gegevensverwerking door de Registratiehouder in overeenstemming is met de AVG, geldt pas als bewijsstuk na wijziging van de Wkkgz, omdat Registratiehouder dan verwerkingsverantwoordelijke is. </t>
    </r>
  </si>
  <si>
    <t>Op deze voorvraag wordt niet een aparte scoring gegeven. Op basis van de aangeleverde stukken, worden criteria 9 beoordeeld. Aanlevering van de verklaring van de FG betekent derhalve niet dat criteria 9 per definitie met een voldoende zullen worden beoordeeld.</t>
  </si>
  <si>
    <t>Wkkgz</t>
  </si>
  <si>
    <t>23. Verklaring van de FG</t>
  </si>
  <si>
    <t>9.1</t>
  </si>
  <si>
    <t>De Registratiehouder en diens verwerker(s) moeten voldoen aan artikel 32 AVG door passende technische en organisatorische maatregelen om persoonsgegevens te beschermen conform de vereisten van de AVG en NEN7510 (of ISO27001) en in lijn met NEN7512 / NEN7513.</t>
  </si>
  <si>
    <t xml:space="preserve">De Registratiehouder dient de getroffen technische en organisatorische maatregelen in lijn met de NEN7510 / NEN7512 / NEN7513 (of ISO27001) norm die van toepassing zijn op de gegevensverwerkingen door de Registratiehouder [en indien van toepassing verwerker] te kunnen aantonen. 
Dit wordt ten minste middels een in control statement van het bestuur aangetoond. </t>
  </si>
  <si>
    <r>
      <t xml:space="preserve">Door middel van een externe audit [NEN7510 of ISO27001 certificering, of SOC2 verklaring] wordt aangetoond dat de Registratiehouder [en indien van toepassing verwerker] voldoet aan de wettelijk vereiste technische en organisatorische maatregelen. 
</t>
    </r>
    <r>
      <rPr>
        <sz val="11"/>
        <rFont val="Calibri"/>
        <family val="2"/>
        <scheme val="minor"/>
      </rPr>
      <t xml:space="preserve">•	 Uit de externe audit volgt dat Registratiehouder technische en organisatorische maatregelen heeft genomen ten aanzien van de relevante normen in lijn met de NEN7510/ISO27001, NEN7512 en NEN7513 
•	 Uit de externe audit volgt dat de verwerker van de Registratiehouder technische en organisatorische maatregelen heeft genomen ten aanzien van de relevante normen in lijn met de NEN7510/ISO27001, NEN7512 en NEN7513 </t>
    </r>
  </si>
  <si>
    <r>
      <t xml:space="preserve">Het voldoen aan het minimumvereiste is een </t>
    </r>
    <r>
      <rPr>
        <b/>
        <sz val="11"/>
        <color theme="1"/>
        <rFont val="Calibri"/>
        <family val="2"/>
        <scheme val="minor"/>
      </rPr>
      <t>knock-out</t>
    </r>
    <r>
      <rPr>
        <sz val="11"/>
        <color theme="1"/>
        <rFont val="Calibri"/>
        <family val="2"/>
        <scheme val="minor"/>
      </rPr>
      <t xml:space="preserve"> criterium in de toetsing conform artikel 32 AVG.</t>
    </r>
  </si>
  <si>
    <t xml:space="preserve">Artikel 32 AVG
UAVG
NEN7510
NEN7512
NEN7513
ISO27001
</t>
  </si>
  <si>
    <t>13. NEN7510 / ISO 27001 certificering
24. In control statement informatiebeveiligingsmaatregelen</t>
  </si>
  <si>
    <t>9.2</t>
  </si>
  <si>
    <r>
      <t>DPIA</t>
    </r>
    <r>
      <rPr>
        <sz val="11"/>
        <color rgb="FF000000"/>
        <rFont val="Calibri"/>
        <family val="2"/>
        <scheme val="minor"/>
      </rPr>
      <t>: Er is een DPIA uitgevoerd</t>
    </r>
  </si>
  <si>
    <t>De Registratiehouder moet voldoen aan artikel 35 lid 3 sub b AVG door een DPIA uit te voeren conform de vereisten van de AVG.</t>
  </si>
  <si>
    <t xml:space="preserve">De Registratiehouder heeft een DPIA uitgevoerd. 
De DPIA omvat minimaal:
•	 Een systematische beschrijving van de beoogde gegevensverwerkingen en de doeleinden hiervan
•	 Een beoordeling van de noodzaak en de proportionaliteit van de verwerkingen. 
•	 Een beoordeling van de privacy risico's voor de betrokkenen
•	 De beoogde maatregelen om (1) de risico's aan te pakken (zoals waarborgen en veiligheidsmaatregelen) en (2) aan te tonen dat aan de AVG wordt voldaan. 3) maximaal een jaar geleden geüpdate is. </t>
  </si>
  <si>
    <t xml:space="preserve">De Registratiehouder heeft een DPIA gebaseerd op het NOREA-model inclusief PDCA-cyclus uitgevoerd.
</t>
  </si>
  <si>
    <r>
      <t xml:space="preserve">Het voldoen aan het minimumvereiste is een </t>
    </r>
    <r>
      <rPr>
        <b/>
        <sz val="11"/>
        <color theme="1"/>
        <rFont val="Calibri"/>
        <family val="2"/>
        <scheme val="minor"/>
      </rPr>
      <t>knock-out</t>
    </r>
    <r>
      <rPr>
        <sz val="11"/>
        <color theme="1"/>
        <rFont val="Calibri"/>
        <family val="2"/>
        <scheme val="minor"/>
      </rPr>
      <t xml:space="preserve"> criterium in de toetsing conform artikel 35 AVG.</t>
    </r>
  </si>
  <si>
    <t>Artikel 35 AVG
UAVG</t>
  </si>
  <si>
    <t>25. DPIA</t>
  </si>
  <si>
    <t>9.3</t>
  </si>
  <si>
    <r>
      <t>FG</t>
    </r>
    <r>
      <rPr>
        <sz val="11"/>
        <color rgb="FF000000"/>
        <rFont val="Calibri"/>
        <family val="2"/>
      </rPr>
      <t xml:space="preserve">: Indien van toepassing beschikt de Registratiehouder over een onafhankelijke, professionele en deskundige FG.
</t>
    </r>
    <r>
      <rPr>
        <b/>
        <sz val="11"/>
        <color rgb="FF000000"/>
        <rFont val="Calibri"/>
        <family val="2"/>
      </rPr>
      <t xml:space="preserve">
Na wijziging Wkkgz is aanwezigheid van een FG verplicht.</t>
    </r>
  </si>
  <si>
    <t>De Registratiehouder moet voldoen aan artikel 37 AVG door een onafhankelijke, professionele en deskundige FG aan te wijzen. De taken en de positie van de FG zijn conform artikel 38 en 39 AVG.</t>
  </si>
  <si>
    <r>
      <rPr>
        <b/>
        <sz val="11"/>
        <rFont val="Calibri"/>
        <family val="2"/>
        <scheme val="minor"/>
      </rPr>
      <t xml:space="preserve">Tot wijziging Wkkgz: Om een voldoende te scoren voor het toetsingscriterium, dient de KR een FG te hebben.
Na wijziging Wkkgz: Knock-out 
</t>
    </r>
    <r>
      <rPr>
        <sz val="11"/>
        <rFont val="Calibri"/>
        <family val="2"/>
        <scheme val="minor"/>
      </rPr>
      <t xml:space="preserve">
De Registratiehouder en de verwerker hebben een onafhankelijke FG aangewezen, en de toebedeelde positie en taken van de FG zijn respectievelijk conform artikel 38 AVG en artikel 39 AVG georganiseerd. 
 1. De FG beschikt aantoonbaar over:
•	 Kennis van privacywetgeving (bijv. IAPP CIPP/E)
2. De FG werkt conform de 'Richtlijnen voor functionarissen voor gegevensbescherming (WP243 rev.01) van de EDPB). (eigen verklaring FG)
3. Met de FG is een inhuurovereenkomst of arbeidsovereenkomst gesloten.
4. De contactgegevens van de FG zijn gepubliceerd op de website van de Registratiehouder.</t>
    </r>
  </si>
  <si>
    <r>
      <t xml:space="preserve">In aanvulling op hetgeen genoemd bij het minimumvereiste in kolom I:
•	 Er is een PDCA-cyclus toegepast om de taken van de FG periodiek te evalueren en zo nodig te updaten
 De FG beschikt aantoonbaar over:
•	 Kennis van ICT en informatiebeveiliging
•	 Kennis over de sector (gezondheidszorg) 
</t>
    </r>
    <r>
      <rPr>
        <b/>
        <sz val="11"/>
        <rFont val="Calibri"/>
        <family val="2"/>
        <scheme val="minor"/>
      </rPr>
      <t>Beschikbaar na wijziging Wkkgz:</t>
    </r>
    <r>
      <rPr>
        <sz val="11"/>
        <rFont val="Calibri"/>
        <family val="2"/>
        <scheme val="minor"/>
      </rPr>
      <t xml:space="preserve">
•	 Alle Registratiehouders maken voor hun arbeidsovereenkomst / inhuurovereenkomst met de FG gebruik van een modelovereenkomst.</t>
    </r>
  </si>
  <si>
    <r>
      <t xml:space="preserve">Om een voldoende te scoren voor het toetsingscriterium, dient ten minste aan het minimumvereiste te worden voldaan.
</t>
    </r>
    <r>
      <rPr>
        <b/>
        <sz val="11"/>
        <color theme="1"/>
        <rFont val="Calibri"/>
        <family val="2"/>
        <scheme val="minor"/>
      </rPr>
      <t>Na wijziging van de Wkkgz is het minimumvereiste een knock-out criterium in de toetsing conform artikel 37, 38 en 39 AVG.</t>
    </r>
  </si>
  <si>
    <t>Artikel 37, 38, 39 AVG
UAVG</t>
  </si>
  <si>
    <t>26. Bekwaamheid FG</t>
  </si>
  <si>
    <t>9.4</t>
  </si>
  <si>
    <r>
      <t>Verwerkingsregister</t>
    </r>
    <r>
      <rPr>
        <sz val="11"/>
        <color rgb="FF000000"/>
        <rFont val="Calibri"/>
        <family val="2"/>
        <scheme val="minor"/>
      </rPr>
      <t xml:space="preserve">: Er is een register van de verwerkingsactiviteiten </t>
    </r>
  </si>
  <si>
    <t>De Registratiehouder en diens verwerker(s) moeten voldoen aan artikel 30 AVG door een register van de verwerkingsactiviteiten conform de vereisten van de AVG bij te houden</t>
  </si>
  <si>
    <r>
      <rPr>
        <sz val="11"/>
        <color rgb="FF000000"/>
        <rFont val="Calibri"/>
        <family val="2"/>
        <scheme val="minor"/>
      </rPr>
      <t xml:space="preserve">Het register van de Registratiehouder bevat de gegevens als genoemd in </t>
    </r>
    <r>
      <rPr>
        <u/>
        <sz val="11"/>
        <color rgb="FF000000"/>
        <rFont val="Calibri"/>
        <family val="2"/>
        <scheme val="minor"/>
      </rPr>
      <t xml:space="preserve">artikel 30 lid 1 AVG.
</t>
    </r>
    <r>
      <rPr>
        <b/>
        <sz val="11"/>
        <color rgb="FF000000"/>
        <rFont val="Calibri"/>
        <family val="2"/>
        <scheme val="minor"/>
      </rPr>
      <t xml:space="preserve">
</t>
    </r>
    <r>
      <rPr>
        <sz val="11"/>
        <color rgb="FF000000"/>
        <rFont val="Calibri"/>
        <family val="2"/>
        <scheme val="minor"/>
      </rPr>
      <t>Het register van de verwerker bevat de gegevens als genoemd in</t>
    </r>
    <r>
      <rPr>
        <b/>
        <sz val="11"/>
        <color rgb="FF000000"/>
        <rFont val="Calibri"/>
        <family val="2"/>
        <scheme val="minor"/>
      </rPr>
      <t xml:space="preserve"> </t>
    </r>
    <r>
      <rPr>
        <u/>
        <sz val="11"/>
        <color rgb="FF000000"/>
        <rFont val="Calibri"/>
        <family val="2"/>
        <scheme val="minor"/>
      </rPr>
      <t>artikel 30 lid 2 AVG.</t>
    </r>
  </si>
  <si>
    <r>
      <t>In aanvulling op het minimumvereiste in kolom I:</t>
    </r>
    <r>
      <rPr>
        <u/>
        <sz val="11"/>
        <rFont val="Calibri"/>
        <family val="2"/>
        <scheme val="minor"/>
      </rPr>
      <t xml:space="preserve">
</t>
    </r>
    <r>
      <rPr>
        <sz val="11"/>
        <rFont val="Calibri"/>
        <family val="2"/>
        <scheme val="minor"/>
      </rPr>
      <t xml:space="preserve">• Er is een PDCA-cyclus toegepast om het verwerkingsregister periodiek te evalueren en zo nodig te updaten
</t>
    </r>
    <r>
      <rPr>
        <b/>
        <sz val="11"/>
        <rFont val="Calibri"/>
        <family val="2"/>
        <scheme val="minor"/>
      </rPr>
      <t>Na wijziging Wkkgz</t>
    </r>
    <r>
      <rPr>
        <sz val="11"/>
        <rFont val="Calibri"/>
        <family val="2"/>
        <scheme val="minor"/>
      </rPr>
      <t xml:space="preserve">
• De verwerker maakt gebruik van het modelregister </t>
    </r>
  </si>
  <si>
    <r>
      <t xml:space="preserve">Het voldoen aan het minimumvereiste is een </t>
    </r>
    <r>
      <rPr>
        <b/>
        <sz val="11"/>
        <color theme="1"/>
        <rFont val="Calibri"/>
        <family val="2"/>
        <scheme val="minor"/>
      </rPr>
      <t>knock-out</t>
    </r>
    <r>
      <rPr>
        <sz val="11"/>
        <color theme="1"/>
        <rFont val="Calibri"/>
        <family val="2"/>
        <scheme val="minor"/>
      </rPr>
      <t xml:space="preserve"> criterium in de toetsing conform artikel 30 AVG.</t>
    </r>
  </si>
  <si>
    <t>Artikel 30 lid 1 AVG
Artikel 30 lid2 AVG
UAVG</t>
  </si>
  <si>
    <t>27. Verwerkingsregister</t>
  </si>
  <si>
    <t>9.5</t>
  </si>
  <si>
    <r>
      <t>Privacy Statement</t>
    </r>
    <r>
      <rPr>
        <sz val="11"/>
        <rFont val="Calibri"/>
        <family val="2"/>
        <scheme val="minor"/>
      </rPr>
      <t>: Er is een privacy statement publiekelijk beschikbaar</t>
    </r>
  </si>
  <si>
    <t>De Registratiehouder moet voldoen aan artikel 14 AVG door een privacy statement conform de vereisten van de AVG te plaatsen op haar website.</t>
  </si>
  <si>
    <t xml:space="preserve">Het privacy statement bevat de gegevens als genoemd in artikel 14 AVG en is openbaar te vinden en begrijpelijk geformuleerd.
In het privacy statement is rekening gehouden met welke rechten en plichten voor de betrokkenen in het kader van kwaliteitsregistraties van toepassing zijn. 
</t>
  </si>
  <si>
    <t>Er is een PDCA-cyclus toegepast om het privacy statement jaarlijks te evalueren en zo nodig te updaten</t>
  </si>
  <si>
    <r>
      <t xml:space="preserve">Het voldoen aan het minimumvereiste is een </t>
    </r>
    <r>
      <rPr>
        <b/>
        <sz val="11"/>
        <color theme="1"/>
        <rFont val="Calibri"/>
        <family val="2"/>
        <scheme val="minor"/>
      </rPr>
      <t>knock-out</t>
    </r>
    <r>
      <rPr>
        <sz val="11"/>
        <color theme="1"/>
        <rFont val="Calibri"/>
        <family val="2"/>
        <scheme val="minor"/>
      </rPr>
      <t xml:space="preserve"> criterium in de toetsing conform artikel 14 AVG.</t>
    </r>
  </si>
  <si>
    <t>Artikel 14 AVG
UAVG</t>
  </si>
  <si>
    <t>28. Privacy Statement</t>
  </si>
  <si>
    <t>Lijst mogelijke bewijsstukken</t>
  </si>
  <si>
    <t>#</t>
  </si>
  <si>
    <t>Mogelijke bewijsstukken</t>
  </si>
  <si>
    <t>Uitleg bewijsstuk</t>
  </si>
  <si>
    <t>Einddocument opgeleverd door SKMS programma</t>
  </si>
  <si>
    <t>Met bewijs dat dit het einddocument betreft (door FMS)</t>
  </si>
  <si>
    <t>Uitgewerkt Excel opgeleverd door SKMS programma</t>
  </si>
  <si>
    <t>Mapping naar het ZiRA procesmodel</t>
  </si>
  <si>
    <t>Conform het meegeleverd Excel format, waarbij gebruikgemaakt wordt van: 
a) Tabblad Zorgproces informatieanalyse; 
b) Waar mapping conform het ZiRA procesmodel niet mogelijk is: 
- toelichting waarom het ZiRA procesmodel niet mogelijk is
- mapping conform [een ander] gebruikt model passend bij betreffende KR</t>
  </si>
  <si>
    <t>Mapping naar ZIBs</t>
  </si>
  <si>
    <t>Conform het meegeleverd Excel format, waarbij gebruikgemaakt wordt van: 
a) Tabblad Data Dictionary [kolom C t/m K] 
b) Waar mapping conform ZIBs niet mogelijk is:
- een toelichting waarom niet alle gevraagde data items zijn te mappen op bestaande ZIBs 
c) (Verwijzing naar) uitwerking van onder ZIBs vallende waardes/codes</t>
  </si>
  <si>
    <t>Mapping naar klinische temen</t>
  </si>
  <si>
    <t>Conform het meegeleverd Excel format, waarbij gebruikgemaakt wordt van: 
a) Tabblad Data Dictionary [Voor DT kolom L-M] 
b) Tabblad Data Dictionary [Voor VT kolom N-O]
c) Waar mapping naar klinische termen niet mogelijk is
- een toelichting waarom niet alle klinische termen op DT / VT te mappen zijn</t>
  </si>
  <si>
    <t>Mapping op Grondplaat Eenheid van Taal</t>
  </si>
  <si>
    <t>Conform het meegeleverd Excel format, waarbij gebruikgemaakt wordt van: 
a) Tabblad Data Dictionary [Voor DT kolom R t/m V]
b) Waar mapping conform de standaarden uit de Grondplaat niet mogelijk is:
- een toelichting waarom niet alle gevraagde klinische data zijn gestructureerd op basis van SNOMED CT/LOINC/IDMP</t>
  </si>
  <si>
    <t>Verwijzing naar URL data dictionary</t>
  </si>
  <si>
    <t>Openbare URL van de data dictionary</t>
  </si>
  <si>
    <t>8.</t>
  </si>
  <si>
    <t>Beheerproces data dictionary</t>
  </si>
  <si>
    <t>Proces (focus intern)
Waarbij de volgende zaken worden aangegeven:
- Hoe de beheercyclus geoperationaliseerd wordt;
- Hoe handmatige invoer zoveel mogelijk voorkomen wordt. 
- Omgang met (analyse van) afleidbare datapunten en dataoptimalisatie
Proces (focus extern)
Er wordt een beschrijving gegeven van het beheerproces van de data dictionary. Dit betreft een document waarbij duidelijk is dat dit is afgestemd tussen de registratiehouder en de dataverwerker. De volgende elementen moeten minimaal beschreven zijn: 
- frequentie
- hoe dataoptimalisatie wordt toegepast
- verbeterpotentieel
- welke rollen/expertise betrokken zijn
- omgang met verschillende databronnen/stromen.
Beheer en onderhoud is een ingebed proces in de dagelijkse operatie van de KR, waarbij periodiek gecontroleerd wordt of het proces adequaat functioneert. (Groeipad)
Wijzigingsdocument waarin inzichtelijk is voor dataverwerker en EPD-leverancier wat er in welke variabele (datapunt) gewijzigd is. (Groeipad)</t>
  </si>
  <si>
    <t>9.</t>
  </si>
  <si>
    <t>Aanleverinstructies</t>
  </si>
  <si>
    <t>Denk o.a. aan handleidingen, specificaties (inclusief afspraken over heraanlevering, de mogelijkheid voor de zorgaanbieder om zelf eigen data terug te halen en wijzigingsbeheer)</t>
  </si>
  <si>
    <t>10.</t>
  </si>
  <si>
    <t>URL en screenshots van het uploadportal</t>
  </si>
  <si>
    <t>Openbare URL en screenshots waaruit blijkt op welke wijze het portal werkt</t>
  </si>
  <si>
    <t>11.</t>
  </si>
  <si>
    <t>EndPoint / API beschrijving</t>
  </si>
  <si>
    <t>Bewijs dat er een EndPoint of API is (bijvoorbeeld een URL naar EndPoint of API, inclusief een beschrijving hoe de API werkt).</t>
  </si>
  <si>
    <t>12.</t>
  </si>
  <si>
    <t>Controle op geharmoniseerde standaarden</t>
  </si>
  <si>
    <t>Beschrijving dat bij aanlevering gecontroleerd wordt op geharmoniseerde standaarden OF foutmelding bij uploaden van een niet geharmoniseerde standaard.</t>
  </si>
  <si>
    <t>13.</t>
  </si>
  <si>
    <t>NEN7510 / ISO 27001 certificering</t>
  </si>
  <si>
    <t>Inclusief verklaring van toepasselijkheid - ook t.a.v. NEN7512 en NEN7513. [Indien beschikbaar kan ook een SOC2 rapportage worden aangeleverd] en omschrijving van de PDCA-cyclus voor periodiek evalueren en zo nodig te updaten van de informatiebeveiligingsmaatregelen
Uit verklaring van toepasselijkheid volgt dat de volgende punten onder andere in scope zijn: 
- 12.4.1 t.a.v. NEN7513 (een losse verklaring van toepasselijkheid is dan niet vereist)
- 13 t.a.v. informatietransport
- 14.1.1.1 t.a.v. pseudonimisering
- 18.1.3 t.a.v. bewaartermijnen 
- Verklaring van toepasselijkheid voor NEN7512 kan een eigen format zijn waarin wordt verklaard of, en zo ja welke punten, van de NEN7512 van toepassing zijn;</t>
  </si>
  <si>
    <t>14.</t>
  </si>
  <si>
    <t>Omschrijving Pseudonimiseringsmaatregelen</t>
  </si>
  <si>
    <t>Beschrijvingen van pseudonimiseringsmaatregelen, waarin in ieder geval de volgende onderwerpen naar voren komen:
- Plek van pseudonimisatie [zo dicht mogelijk bij de bron}
- Herhaalbaarheid pseudonimisatie
- Tussen registraties zijn personen niet koppelbaar op basis van pseudoniemen zonder aanvullende technische en organisatorische maatregelen. 
- Beschrijving functiescheiding tussen brondata, pseudonimiseren van en werken met gepseudonimiseerde data
- Einddataset waarin te zien is dat pseudoniemen worden gebruikt conform de beschrijving van de pseudonimiseringsmethode.</t>
  </si>
  <si>
    <t>15.</t>
  </si>
  <si>
    <t>Overzicht van gedocumenteerde controls</t>
  </si>
  <si>
    <t xml:space="preserve">Overzicht van gedocumenteerde controls (technisch &amp; inhoudelijk document met quality rules), incl. proces voor behandeling van fouten voortkomend uit deze validatie. Indien mogelijk printscreens van deze controls en terugkoppeling in de software, of in het script (bijv. SQL, Python) </t>
  </si>
  <si>
    <t>16.</t>
  </si>
  <si>
    <t>Testomgeving</t>
  </si>
  <si>
    <t>URL testomgeving, indien URL niet openbaar/deelbaar is: video dat de testomgeving laat zien OF testalgoritmes</t>
  </si>
  <si>
    <t>17.</t>
  </si>
  <si>
    <t>Aanleverrapportage</t>
  </si>
  <si>
    <t>Gestandaardiseerd online of offline rapportage(s) voor de zorgaanbieder omtrent de aanlevering en datakwaliteit. 
o	 Voorbeeld kwaliteitsrapport of screenshot van portal waar validatie terugkoppeling zichtbaar is. 
o	 Contract/SLA van de verwerker met betrekking tot de terugkoppeling van de kwaliteit van de data en metadata.</t>
  </si>
  <si>
    <t>18.</t>
  </si>
  <si>
    <t>Procedure aanleverrapportage</t>
  </si>
  <si>
    <t>Gedocumenteerde procedure/instructie omtrent de wijze van rapportage/validatie terugkoppeling, incl. frequentie van terugkoppeling én screenshot dat dit aantoont</t>
  </si>
  <si>
    <t>19.</t>
  </si>
  <si>
    <t>Deelnameovereenkomst, incl. bijlagen</t>
  </si>
  <si>
    <t>[Template] Deelnameovereenkomst inclusief bijlagen
o	 Vertrouwelijke informatie (zoals prijsafspraken) mag onleesbaar gemaakt worden / worden weggelaten. Het is in ieder geval van belang dat vastgesteld kan worden dat over de minimaal vereiste onderwerpen is overeengekomen.</t>
  </si>
  <si>
    <t>20.</t>
  </si>
  <si>
    <t>Verwerkersovereenkomst, incl. bijlagen</t>
  </si>
  <si>
    <t>Verwerkersovereenkomst waarbij gebruik gemaakt wordt van: 
a)	 een eigen overeenkomst die minimaal ingaat op de onderwerpen genoemd bij het minimumvereiste. of
b) Na wijziging Wkkgz: de door de DGC geaccordeerde modelovereenkomst; of 
Groeipad: PDCA-cyclus om de verwerkersovereenkomst periodiek te evalueren en zo nodig te updaten.
o	 Vertrouwelijke informatie (zoals prijsafspraken) mag onleesbaar gemaakt worden / worden weggelaten. Het is in ieder geval van belang dat vastgesteld kan worden dat over de minimaal vereiste onderwerpen is overeengekomen.</t>
  </si>
  <si>
    <t>21.</t>
  </si>
  <si>
    <t>Hoofdovereenkomst, incl. bijlagen</t>
  </si>
  <si>
    <t>Hoofdovereenkomst inclusief bijlagen, waarbij gebruik gemaakt wordt van: 
a)	 de door de DGC geaccordeerde modelhoofdovereenkomst; of 
b)	 een eigen overeenkomst die minimaal ingaat op de onderwerpen genoemd bij het minimumvereiste.
o	 Vertrouwelijke informatie (zoals prijsafspraken) mag onleesbaar gemaakt worden / worden weggelaten. Het is in ieder geval van belang dat vastgesteld kan worden dat over de minimaal vereiste onderwerpen is overeengekomen.</t>
  </si>
  <si>
    <t>22.</t>
  </si>
  <si>
    <t>DVO, incl. bijlagen</t>
  </si>
  <si>
    <t>DVO inclusief bijlagen, waarbij gebruik gemaakt wordt van 
a)	 de door de DGC geaccordeerde modeldienstverleningsovereenkomst; of 
b)	 een eigen overeenkomst die minimaal ingaat op de onderwerpen genoemd bij het minimumvereiste.
o	 Vertrouwelijke informatie (zoals prijsafspraken) mag onleesbaar gemaakt worden / worden weggelaten. Het is in ieder geval van belang dat vastgesteld kan worden dat over de minimaal vereiste onderwerpen is overeengekomen.</t>
  </si>
  <si>
    <t>23.</t>
  </si>
  <si>
    <t>Verklaring van de FG</t>
  </si>
  <si>
    <t xml:space="preserve">Verklaring FG, waaruit blijkt dat De gegevensverwerking die Registratiehouders en verwerkers uitvoeren aantoonbaar in overeenstemming is met de (U)AVG. Uit de verklaring blijkt dat de verklaring is afgegeven op in ieder geval Toon de volgende onderwerpen:
- Beveiliging van de dataverwerking (inclusief bewaartermijnen);
- DPIA;
- FG conform art. 37-39 AVG;
- Verwerkersovereenkomst; 
- Verwerkingsregister; 
- Privacy statement. </t>
  </si>
  <si>
    <t>24.</t>
  </si>
  <si>
    <t>In control statement informatiebeveiligingsmaatregelen</t>
  </si>
  <si>
    <t>In control statement van het bestuur, waaruit blijkt dat technische en organisatorische maatregelen zijn genomen ten aanzien van de relevante normen in lijn met de NEN7510, NEN7512 en NEN7513</t>
  </si>
  <si>
    <t>25.</t>
  </si>
  <si>
    <t>DPIA</t>
  </si>
  <si>
    <t>DPIA gebaseerd op: 
a)	 het NOREA-model; of 
b)	 een eigen format die minimaal ingaat op de volgende onderwerpen:
•	 Een systematische beschrijving van de beoogde gegevensverwerkingen en de doeleinden hiervan
•	 Een beoordeling van de noodzaak en de proportionaliteit van de verwerkingen. 
•	 Een beoordeling van de privacy risico's voor de betrokkenen
•	 De beoogde maatregelen om (1) de risico's aan te pakken (zoals waarborgen en veiligheidsmaatregelen) en (2) aan te tonen dat u aan de AVG voldoet. 
Groeipad: PDCA-cyclus om de DPIA periodiek te evalueren en zo nodig te updaten.
o	 Vertrouwelijke informatie (zoals prijsafspraken) mag onleesbaar gemaakt worden / worden weggelaten. Het is in ieder geval van belang dat vastgesteld kan worden dat over de minimaal vereiste onderwerpen is overeengekomen.</t>
  </si>
  <si>
    <t>26.</t>
  </si>
  <si>
    <t>Bekwaamheid FG</t>
  </si>
  <si>
    <t>Document dat aantoont dat FG over de vereiste kennis beschikt en werkt conform de Richtlijnen voor functionarissen voor gegevensbescherming (bijvoorbeeld een CV met kwalificaties, certificeringen en een eigen verklaring dat FG diens taken conform de Richtlijnen uitvoert) waarin staat:
- Inhuur- of arbeidsovereenkomst van de FG
- URL naar de website waaruit blijkt dat de contactgegevens van de FG zijn gepubliceerd op de website van de Registratiehouder.
- Een document waaruit blijkt dat er een PDCA-cyclus is toegepast om de taken van de FG periodiek te evalueren en zo nodig te updaten. (Groeipad)</t>
  </si>
  <si>
    <t>27.</t>
  </si>
  <si>
    <t>Verwerkingsregister</t>
  </si>
  <si>
    <t>Verwerkingsregister van de Registratiehouder waarbij gebruik gemaakt wordt van: 
i)	 een eigen format die minimaal ingaat op de onderwerpen genoemd bij het minimumvereiste.
(ii) Na wijziging Wkkgz: het door de DGC geaccordeerde modelregister
Verwerkingsregister van de verwerker waarbij gebruik gemaakt wordt van: 
i)	 een eigen format die minimaal ingaat op de onderwerpen genoemd bij het minimumvereiste.
ii) Na wijziging Wkkgz: het door de DGC geaccordeerde modelregister
Groeipad: PDCA-cyclus is toegepast om de verwerkingsregisters periodiek te evalueren en zo nodig te updaten.</t>
  </si>
  <si>
    <t>28.</t>
  </si>
  <si>
    <t>Privacy Statement</t>
  </si>
  <si>
    <t>URL naar Privacy statement
Groeipad: PDCA-cyclus om het privacy statement periodiek te evalueren en zo nodig te updaten</t>
  </si>
  <si>
    <t>Grondplaat Eenheid van Taal</t>
  </si>
  <si>
    <r>
      <rPr>
        <b/>
        <sz val="11"/>
        <color theme="1"/>
        <rFont val="Calibri"/>
        <family val="2"/>
        <scheme val="minor"/>
      </rPr>
      <t>Eenheid van Taal</t>
    </r>
    <r>
      <rPr>
        <sz val="11"/>
        <color theme="1"/>
        <rFont val="Calibri"/>
        <family val="2"/>
        <scheme val="minor"/>
      </rPr>
      <t xml:space="preserve">
Er is sprake van Eenheid van Taal als gezondheidsinformatie voor de ene zorgverlener of patiënt dezelfde betekenis of bedoeling heeft als voor de andere wanneer deze informatie elektronisch uitgewisseld wordt. 
Bij het elektronisch vastleggen en uitwisselen van gezondheidsinformatie is het daarom noodzakelijk dat zowel binnen als tussen informatiesystemen gebruik wordt gemaakt van een gedeelde context. De afspraken over welke termen kunnen worden gebruikt en op welke manier wordt ook wel een ‘gedeeld woordenboek’ (Grondplaat) genoemd.
Om misverstanden te voorkomen: Eenheid van Taal gaat nadrukkelijk niet over één en dezelfde ‘taal’ voor álle zorgverleners, maar over het maken van afspraken wanneer en hoe welk woordenboek wordt gebruikt.
</t>
    </r>
    <r>
      <rPr>
        <b/>
        <sz val="11"/>
        <color theme="1"/>
        <rFont val="Calibri"/>
        <family val="2"/>
        <scheme val="minor"/>
      </rPr>
      <t>Doel Eenheid van Taal</t>
    </r>
    <r>
      <rPr>
        <sz val="11"/>
        <color theme="1"/>
        <rFont val="Calibri"/>
        <family val="2"/>
        <scheme val="minor"/>
      </rPr>
      <t xml:space="preserve">
Eenheid van Taal in de zorg is geen doel op zich; het wordt primair gezien als een hulpmiddel om zorg voor de (individuele) patiënt te verbeteren en veiliger te maken. Dat wordt gerealiseerd door een integraal en eenduidig informatiebeeld van en voor de patiënt te schetsen. Elementair daarin is dat informatie door het zorgnetwerk rondom de patiënt gedeeld en hergebruikt kan worden zonder dat het aan betekenis verliest. Dit dient meerdere subdoelen: het stelt de patiënt centraal, het biedt kansen voor efficiënter zorggebruik, het geeft (ondersteuners van) de zorgverlener meer tijd om goede zorg te verlenen; en tenslotte is het een voorwaarde om ‘information-driven’ zorginnovaties te kunnen benutten.</t>
    </r>
  </si>
  <si>
    <t>Vindplaats: Concept notitie Eenheid van Taal in de Zorg</t>
  </si>
  <si>
    <r>
      <t xml:space="preserve">Uitgangspunten
</t>
    </r>
    <r>
      <rPr>
        <i/>
        <sz val="10"/>
        <color theme="0"/>
        <rFont val="Calibri"/>
        <family val="2"/>
        <scheme val="minor"/>
      </rPr>
      <t>De criteria sluiten aan / dragen bij aan onderstaande uitgangspunten.</t>
    </r>
  </si>
  <si>
    <r>
      <t xml:space="preserve">Minimumvereiste (volwassenheidsniveau 1)
</t>
    </r>
    <r>
      <rPr>
        <i/>
        <sz val="10"/>
        <color rgb="FFFFFFFF"/>
        <rFont val="Calibri"/>
      </rPr>
      <t>Vereisten waaraan Kwaliteitsregistraties(KRs), Registratiehouders(RHs) en Dataverwerkers(DVs) minimaal dienen te voldoen, ongeacht de mate van volwassenheid van de Registratiehouder.</t>
    </r>
  </si>
  <si>
    <r>
      <t xml:space="preserve">Rationale 
</t>
    </r>
    <r>
      <rPr>
        <i/>
        <sz val="10"/>
        <color theme="0"/>
        <rFont val="Calibri"/>
        <family val="2"/>
        <scheme val="minor"/>
      </rPr>
      <t>Voor ieder hoofdthema en (als gevolg) ieder criterium is er een grond / reden geweest die tot het hoofdthema en het criterium heeft geleid. In sommige gevallen is dit wet- en regelgeving.</t>
    </r>
  </si>
  <si>
    <r>
      <t xml:space="preserve">Hoofdthema's
</t>
    </r>
    <r>
      <rPr>
        <i/>
        <sz val="10"/>
        <color rgb="FFFFFFFF"/>
        <rFont val="Calibri"/>
      </rPr>
      <t xml:space="preserve">De overkoepelende hoofdthema's waaraan KRs en Registratiehouders dienen te werken en waar de DGC regie op voert. </t>
    </r>
  </si>
  <si>
    <r>
      <t xml:space="preserve">Criteria
</t>
    </r>
    <r>
      <rPr>
        <i/>
        <sz val="10"/>
        <color theme="0"/>
        <rFont val="Calibri"/>
        <family val="2"/>
        <scheme val="minor"/>
      </rPr>
      <t xml:space="preserve">De specifieke onderdelen van het bijbehorende hoofdthema waarop getoetst wordt. </t>
    </r>
  </si>
  <si>
    <t>Aanpassing benaming 'hoofdafspraak' aangepast naar 'hoofdthema's' en 'deelafspraak' naar 'criteria'.</t>
  </si>
  <si>
    <t>Aanpassing beschrijving ondertitels kolomkoppen behorend bij aanpassing benaming.</t>
  </si>
  <si>
    <t xml:space="preserve">Het doel van het programma is KRs te verduurzamen door onder meer het verminderen van administratieve lasten en vermeerderen van hergebruik van data. 
De criteria 1 t/m 4.1 zijn onderdeel van het SKMS programma. Als KRs aan het programma hebben meegedaan, kunnen de binnen het programma gemaakte stukken als bewijsstuk bij deze criteria dienen. De criteria worden wel nog beoordeeld, waardoor deelname aan het programma niet per definitie betekent dat de KR een voldoende scoort op criteria 1 t/m 4.1. </t>
  </si>
  <si>
    <r>
      <t>Gebruik pseudoniemen en toegepaste methode</t>
    </r>
    <r>
      <rPr>
        <sz val="11"/>
        <color rgb="FF000000"/>
        <rFont val="Calibri"/>
        <family val="2"/>
      </rPr>
      <t>: Ter bescherming van persoonsgegevens worden pseudoniemen gebruikt voor alle direct identificeerbare gegevens</t>
    </r>
  </si>
  <si>
    <r>
      <t>Goede pseudonimisatie voorkomt dat de gepseudonimiseerde gegevens aan een specifieke betrokkenen kunnen worden gekoppeld zonder aanvullende gegevens te gebruiken.
De opgestelde criteria omtrent pseudonimisatie dragen bij aan het verhogen</t>
    </r>
    <r>
      <rPr>
        <sz val="11"/>
        <rFont val="Calibri"/>
        <family val="2"/>
      </rPr>
      <t xml:space="preserve"> van de datakwaliteit</t>
    </r>
    <r>
      <rPr>
        <sz val="11"/>
        <color rgb="FF000000"/>
        <rFont val="Calibri"/>
        <family val="2"/>
      </rPr>
      <t xml:space="preserve"> en dataminimalisatie (doorgifte van gegevens op need to have basis).
</t>
    </r>
    <r>
      <rPr>
        <b/>
        <sz val="11"/>
        <color rgb="FF000000"/>
        <rFont val="Calibri"/>
        <family val="2"/>
      </rPr>
      <t>Na wijziging van de Wkkgz moet iedere KR persoonsgegevens zo dicht mogelijk bij de bron pseudonimiseren (conform artikel 4 lid 5 AVG).</t>
    </r>
  </si>
  <si>
    <r>
      <t>Beveiliging van de dataverwerking</t>
    </r>
    <r>
      <rPr>
        <sz val="11"/>
        <color rgb="FF000000"/>
        <rFont val="Calibri"/>
        <family val="2"/>
      </rPr>
      <t>: Er zijn passende technische en organisatorische maatregelen om persoonsgegevens te beschermen</t>
    </r>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30" x14ac:knownFonts="1">
    <font>
      <sz val="11"/>
      <color theme="1"/>
      <name val="Calibri"/>
      <family val="2"/>
      <scheme val="minor"/>
    </font>
    <font>
      <b/>
      <sz val="11"/>
      <color theme="0"/>
      <name val="Calibri"/>
      <family val="2"/>
      <scheme val="minor"/>
    </font>
    <font>
      <sz val="11"/>
      <color rgb="FFFF0000"/>
      <name val="Calibri"/>
      <family val="2"/>
      <scheme val="minor"/>
    </font>
    <font>
      <b/>
      <sz val="11"/>
      <color theme="1"/>
      <name val="Calibri"/>
      <family val="2"/>
      <scheme val="minor"/>
    </font>
    <font>
      <i/>
      <sz val="10"/>
      <color theme="0"/>
      <name val="Calibri"/>
      <family val="2"/>
      <scheme val="minor"/>
    </font>
    <font>
      <sz val="11"/>
      <color rgb="FF000000"/>
      <name val="Calibri"/>
      <family val="2"/>
      <charset val="1"/>
    </font>
    <font>
      <sz val="11"/>
      <color rgb="FF000000"/>
      <name val="Calibri"/>
      <family val="2"/>
      <scheme val="minor"/>
    </font>
    <font>
      <b/>
      <sz val="11"/>
      <color rgb="FF000000"/>
      <name val="Calibri"/>
      <family val="2"/>
      <scheme val="minor"/>
    </font>
    <font>
      <b/>
      <sz val="11"/>
      <name val="Calibri"/>
      <family val="2"/>
      <scheme val="minor"/>
    </font>
    <font>
      <sz val="11"/>
      <name val="Calibri"/>
      <family val="2"/>
      <scheme val="minor"/>
    </font>
    <font>
      <i/>
      <sz val="11"/>
      <color theme="1"/>
      <name val="Calibri"/>
      <family val="2"/>
      <scheme val="minor"/>
    </font>
    <font>
      <sz val="11"/>
      <name val="Calibri"/>
      <family val="2"/>
    </font>
    <font>
      <i/>
      <sz val="11"/>
      <name val="Calibri"/>
      <family val="2"/>
      <scheme val="minor"/>
    </font>
    <font>
      <sz val="11"/>
      <color rgb="FF000000"/>
      <name val="Calibri"/>
      <family val="2"/>
    </font>
    <font>
      <b/>
      <sz val="11"/>
      <color rgb="FF000000"/>
      <name val="Calibri"/>
      <family val="2"/>
    </font>
    <font>
      <u/>
      <sz val="11"/>
      <color theme="10"/>
      <name val="Calibri"/>
      <family val="2"/>
      <scheme val="minor"/>
    </font>
    <font>
      <sz val="11"/>
      <color rgb="FF000000"/>
      <name val="Calibri"/>
      <family val="2"/>
      <charset val="1"/>
      <scheme val="minor"/>
    </font>
    <font>
      <b/>
      <sz val="11"/>
      <name val="Calibri"/>
      <family val="2"/>
    </font>
    <font>
      <u/>
      <sz val="11"/>
      <color rgb="FF000000"/>
      <name val="Calibri"/>
      <family val="2"/>
      <scheme val="minor"/>
    </font>
    <font>
      <u/>
      <sz val="11"/>
      <name val="Calibri"/>
      <family val="2"/>
      <scheme val="minor"/>
    </font>
    <font>
      <i/>
      <sz val="11"/>
      <color rgb="FF000000"/>
      <name val="Calibri"/>
      <family val="2"/>
    </font>
    <font>
      <b/>
      <sz val="18"/>
      <color theme="0"/>
      <name val="Calibri"/>
      <family val="2"/>
      <scheme val="minor"/>
    </font>
    <font>
      <b/>
      <sz val="12"/>
      <color theme="0"/>
      <name val="Calibri"/>
      <family val="2"/>
      <scheme val="minor"/>
    </font>
    <font>
      <b/>
      <sz val="11"/>
      <color theme="0"/>
      <name val="Calibri"/>
      <family val="2"/>
      <charset val="1"/>
      <scheme val="minor"/>
    </font>
    <font>
      <b/>
      <sz val="16"/>
      <color theme="0"/>
      <name val="Calibri"/>
      <family val="2"/>
      <scheme val="minor"/>
    </font>
    <font>
      <b/>
      <sz val="11"/>
      <color rgb="FFFFFFFF"/>
      <name val="Calibri"/>
    </font>
    <font>
      <i/>
      <sz val="10"/>
      <color rgb="FFFFFFFF"/>
      <name val="Calibri"/>
    </font>
    <font>
      <i/>
      <sz val="10"/>
      <color rgb="FFFFFFFF"/>
      <name val="Calibri"/>
      <family val="2"/>
    </font>
    <font>
      <b/>
      <sz val="11"/>
      <color rgb="FFFFFFFF"/>
      <name val="Calibri"/>
      <family val="2"/>
    </font>
    <font>
      <sz val="11"/>
      <color rgb="FF000000"/>
      <name val="Calibri"/>
      <charset val="1"/>
    </font>
  </fonts>
  <fills count="6">
    <fill>
      <patternFill patternType="none"/>
    </fill>
    <fill>
      <patternFill patternType="gray125"/>
    </fill>
    <fill>
      <patternFill patternType="solid">
        <fgColor rgb="FF009BA4"/>
        <bgColor indexed="64"/>
      </patternFill>
    </fill>
    <fill>
      <patternFill patternType="solid">
        <fgColor theme="0"/>
        <bgColor indexed="64"/>
      </patternFill>
    </fill>
    <fill>
      <patternFill patternType="solid">
        <fgColor theme="2"/>
        <bgColor indexed="64"/>
      </patternFill>
    </fill>
    <fill>
      <patternFill patternType="solid">
        <fgColor rgb="FF009BA4"/>
        <bgColor rgb="FFD0CECE"/>
      </patternFill>
    </fill>
  </fills>
  <borders count="19">
    <border>
      <left/>
      <right/>
      <top/>
      <bottom/>
      <diagonal/>
    </border>
    <border>
      <left style="thin">
        <color auto="1"/>
      </left>
      <right style="thin">
        <color auto="1"/>
      </right>
      <top style="thin">
        <color auto="1"/>
      </top>
      <bottom/>
      <diagonal/>
    </border>
    <border>
      <left style="thin">
        <color indexed="64"/>
      </left>
      <right style="thin">
        <color indexed="64"/>
      </right>
      <top style="thin">
        <color indexed="64"/>
      </top>
      <bottom style="thin">
        <color indexed="64"/>
      </bottom>
      <diagonal/>
    </border>
    <border>
      <left style="thin">
        <color rgb="FF0A242C"/>
      </left>
      <right style="thin">
        <color rgb="FF0A242C"/>
      </right>
      <top style="thin">
        <color rgb="FF0A242C"/>
      </top>
      <bottom style="thin">
        <color rgb="FF0A242C"/>
      </bottom>
      <diagonal/>
    </border>
    <border>
      <left style="thin">
        <color indexed="64"/>
      </left>
      <right/>
      <top style="thin">
        <color indexed="64"/>
      </top>
      <bottom style="thin">
        <color indexed="64"/>
      </bottom>
      <diagonal/>
    </border>
    <border>
      <left/>
      <right style="thin">
        <color indexed="64"/>
      </right>
      <top style="thin">
        <color indexed="64"/>
      </top>
      <bottom style="thin">
        <color indexed="64"/>
      </bottom>
      <diagonal/>
    </border>
    <border>
      <left style="thin">
        <color rgb="FF0A242C"/>
      </left>
      <right style="thin">
        <color rgb="FF0A242C"/>
      </right>
      <top style="thin">
        <color rgb="FF0A242C"/>
      </top>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medium">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thin">
        <color indexed="64"/>
      </right>
      <top/>
      <bottom/>
      <diagonal/>
    </border>
    <border>
      <left style="thin">
        <color indexed="64"/>
      </left>
      <right style="thin">
        <color indexed="64"/>
      </right>
      <top/>
      <bottom style="thin">
        <color indexed="64"/>
      </bottom>
      <diagonal/>
    </border>
    <border>
      <left style="thin">
        <color rgb="FF000000"/>
      </left>
      <right style="thin">
        <color rgb="FF000000"/>
      </right>
      <top style="thin">
        <color rgb="FF000000"/>
      </top>
      <bottom style="thin">
        <color rgb="FF000000"/>
      </bottom>
      <diagonal/>
    </border>
    <border>
      <left style="thin">
        <color indexed="64"/>
      </left>
      <right/>
      <top/>
      <bottom/>
      <diagonal/>
    </border>
  </borders>
  <cellStyleXfs count="3">
    <xf numFmtId="0" fontId="0" fillId="0" borderId="0"/>
    <xf numFmtId="0" fontId="5" fillId="0" borderId="0"/>
    <xf numFmtId="0" fontId="15" fillId="0" borderId="0" applyNumberFormat="0" applyFill="0" applyBorder="0" applyAlignment="0" applyProtection="0"/>
  </cellStyleXfs>
  <cellXfs count="98">
    <xf numFmtId="0" fontId="0" fillId="0" borderId="0" xfId="0"/>
    <xf numFmtId="0" fontId="0" fillId="0" borderId="0" xfId="0" applyAlignment="1">
      <alignment horizontal="center" vertical="center"/>
    </xf>
    <xf numFmtId="0" fontId="0" fillId="0" borderId="0" xfId="0" applyAlignment="1">
      <alignment horizontal="center" vertical="center" wrapText="1"/>
    </xf>
    <xf numFmtId="0" fontId="15" fillId="0" borderId="0" xfId="2"/>
    <xf numFmtId="0" fontId="0" fillId="0" borderId="0" xfId="0" applyAlignment="1">
      <alignment vertical="center" wrapText="1"/>
    </xf>
    <xf numFmtId="0" fontId="0" fillId="0" borderId="0" xfId="0" applyAlignment="1">
      <alignment horizontal="left" vertical="top" wrapText="1"/>
    </xf>
    <xf numFmtId="0" fontId="0" fillId="0" borderId="0" xfId="0" applyAlignment="1">
      <alignment horizontal="left" vertical="top"/>
    </xf>
    <xf numFmtId="0" fontId="0" fillId="0" borderId="0" xfId="0" applyAlignment="1">
      <alignment horizontal="right" vertical="top"/>
    </xf>
    <xf numFmtId="0" fontId="0" fillId="4" borderId="2" xfId="0" applyFill="1" applyBorder="1" applyAlignment="1">
      <alignment horizontal="left" vertical="top" wrapText="1"/>
    </xf>
    <xf numFmtId="0" fontId="10" fillId="4" borderId="2" xfId="0" applyFont="1" applyFill="1" applyBorder="1" applyAlignment="1">
      <alignment horizontal="left" vertical="top" wrapText="1"/>
    </xf>
    <xf numFmtId="0" fontId="9" fillId="4" borderId="2" xfId="0" applyFont="1" applyFill="1" applyBorder="1" applyAlignment="1">
      <alignment horizontal="left" vertical="top" wrapText="1"/>
    </xf>
    <xf numFmtId="0" fontId="10" fillId="4" borderId="2" xfId="0" quotePrefix="1" applyFont="1" applyFill="1" applyBorder="1" applyAlignment="1">
      <alignment horizontal="left" vertical="top" wrapText="1"/>
    </xf>
    <xf numFmtId="0" fontId="15" fillId="4" borderId="2" xfId="2" applyFill="1" applyBorder="1" applyAlignment="1">
      <alignment horizontal="left" vertical="top" wrapText="1"/>
    </xf>
    <xf numFmtId="0" fontId="8" fillId="0" borderId="2" xfId="0" applyFont="1" applyBorder="1" applyAlignment="1">
      <alignment horizontal="left" vertical="top" wrapText="1"/>
    </xf>
    <xf numFmtId="0" fontId="0" fillId="0" borderId="3" xfId="0" applyBorder="1" applyAlignment="1">
      <alignment horizontal="left" vertical="top" wrapText="1"/>
    </xf>
    <xf numFmtId="0" fontId="7" fillId="0" borderId="2" xfId="1" applyFont="1" applyBorder="1" applyAlignment="1">
      <alignment horizontal="left" vertical="top" wrapText="1"/>
    </xf>
    <xf numFmtId="0" fontId="9" fillId="0" borderId="3" xfId="1" applyFont="1" applyBorder="1" applyAlignment="1">
      <alignment horizontal="left" vertical="top" wrapText="1"/>
    </xf>
    <xf numFmtId="0" fontId="9" fillId="0" borderId="2" xfId="1" quotePrefix="1" applyFont="1" applyBorder="1" applyAlignment="1">
      <alignment horizontal="left" vertical="top" wrapText="1"/>
    </xf>
    <xf numFmtId="0" fontId="9" fillId="0" borderId="2" xfId="1" applyFont="1" applyBorder="1" applyAlignment="1">
      <alignment horizontal="left" vertical="top" wrapText="1"/>
    </xf>
    <xf numFmtId="0" fontId="14" fillId="4" borderId="2" xfId="0" applyFont="1" applyFill="1" applyBorder="1" applyAlignment="1">
      <alignment horizontal="left" vertical="top" wrapText="1"/>
    </xf>
    <xf numFmtId="0" fontId="9" fillId="4" borderId="3" xfId="0" applyFont="1" applyFill="1" applyBorder="1" applyAlignment="1">
      <alignment horizontal="left" vertical="top" wrapText="1"/>
    </xf>
    <xf numFmtId="0" fontId="0" fillId="4" borderId="1" xfId="0" applyFill="1" applyBorder="1" applyAlignment="1">
      <alignment horizontal="left" vertical="top" wrapText="1"/>
    </xf>
    <xf numFmtId="0" fontId="8" fillId="4" borderId="1" xfId="0" applyFont="1" applyFill="1" applyBorder="1" applyAlignment="1">
      <alignment horizontal="left" vertical="top" wrapText="1"/>
    </xf>
    <xf numFmtId="0" fontId="9" fillId="4" borderId="1" xfId="0" applyFont="1" applyFill="1" applyBorder="1" applyAlignment="1">
      <alignment horizontal="left" vertical="top" wrapText="1"/>
    </xf>
    <xf numFmtId="0" fontId="13" fillId="0" borderId="2" xfId="0" applyFont="1" applyBorder="1" applyAlignment="1">
      <alignment horizontal="left" vertical="top" wrapText="1"/>
    </xf>
    <xf numFmtId="0" fontId="6" fillId="0" borderId="2" xfId="0" applyFont="1" applyBorder="1" applyAlignment="1">
      <alignment horizontal="left" vertical="top" wrapText="1"/>
    </xf>
    <xf numFmtId="0" fontId="11" fillId="0" borderId="2" xfId="0" applyFont="1" applyBorder="1" applyAlignment="1">
      <alignment horizontal="left" vertical="top" wrapText="1"/>
    </xf>
    <xf numFmtId="0" fontId="9" fillId="4" borderId="6" xfId="0" applyFont="1" applyFill="1" applyBorder="1" applyAlignment="1">
      <alignment horizontal="left" vertical="top" wrapText="1"/>
    </xf>
    <xf numFmtId="0" fontId="0" fillId="0" borderId="0" xfId="0" applyAlignment="1">
      <alignment horizontal="left"/>
    </xf>
    <xf numFmtId="0" fontId="0" fillId="3" borderId="2" xfId="0" applyFill="1" applyBorder="1" applyAlignment="1">
      <alignment horizontal="left" vertical="top" wrapText="1"/>
    </xf>
    <xf numFmtId="0" fontId="9" fillId="0" borderId="2" xfId="0" applyFont="1" applyBorder="1" applyAlignment="1">
      <alignment horizontal="left" vertical="top" wrapText="1"/>
    </xf>
    <xf numFmtId="0" fontId="0" fillId="0" borderId="2" xfId="0" applyBorder="1" applyAlignment="1">
      <alignment horizontal="left" vertical="top" wrapText="1"/>
    </xf>
    <xf numFmtId="0" fontId="3" fillId="0" borderId="2" xfId="0" applyFont="1" applyBorder="1" applyAlignment="1">
      <alignment horizontal="left" vertical="top" wrapText="1"/>
    </xf>
    <xf numFmtId="0" fontId="6" fillId="0" borderId="2" xfId="1" applyFont="1" applyBorder="1" applyAlignment="1">
      <alignment horizontal="left" vertical="top" wrapText="1"/>
    </xf>
    <xf numFmtId="0" fontId="7" fillId="0" borderId="2" xfId="0" applyFont="1" applyBorder="1" applyAlignment="1">
      <alignment horizontal="left" vertical="top" wrapText="1"/>
    </xf>
    <xf numFmtId="0" fontId="7" fillId="0" borderId="1" xfId="0" applyFont="1" applyBorder="1" applyAlignment="1">
      <alignment horizontal="left" vertical="top" wrapText="1"/>
    </xf>
    <xf numFmtId="0" fontId="3" fillId="4" borderId="2" xfId="0" applyFont="1" applyFill="1" applyBorder="1" applyAlignment="1">
      <alignment horizontal="left" vertical="top" wrapText="1"/>
    </xf>
    <xf numFmtId="0" fontId="9" fillId="3" borderId="2" xfId="0" applyFont="1" applyFill="1" applyBorder="1" applyAlignment="1">
      <alignment horizontal="left" vertical="top" wrapText="1"/>
    </xf>
    <xf numFmtId="0" fontId="9" fillId="0" borderId="3" xfId="1" quotePrefix="1" applyFont="1" applyBorder="1" applyAlignment="1">
      <alignment horizontal="left" vertical="top" wrapText="1"/>
    </xf>
    <xf numFmtId="0" fontId="0" fillId="0" borderId="1" xfId="0" applyBorder="1" applyAlignment="1">
      <alignment horizontal="left" vertical="top" wrapText="1"/>
    </xf>
    <xf numFmtId="0" fontId="3" fillId="0" borderId="1" xfId="0" applyFont="1" applyBorder="1" applyAlignment="1">
      <alignment horizontal="left" vertical="top" wrapText="1"/>
    </xf>
    <xf numFmtId="0" fontId="2" fillId="0" borderId="0" xfId="0" applyFont="1" applyAlignment="1">
      <alignment horizontal="center" vertical="center" wrapText="1"/>
    </xf>
    <xf numFmtId="0" fontId="0" fillId="0" borderId="3" xfId="0" quotePrefix="1" applyBorder="1" applyAlignment="1">
      <alignment horizontal="left" vertical="top" wrapText="1"/>
    </xf>
    <xf numFmtId="0" fontId="9" fillId="0" borderId="2" xfId="0" quotePrefix="1" applyFont="1" applyBorder="1" applyAlignment="1">
      <alignment horizontal="left" vertical="top" wrapText="1"/>
    </xf>
    <xf numFmtId="0" fontId="20" fillId="0" borderId="2" xfId="0" applyFont="1" applyBorder="1" applyAlignment="1">
      <alignment horizontal="left" vertical="top" wrapText="1"/>
    </xf>
    <xf numFmtId="0" fontId="13" fillId="0" borderId="2" xfId="1" applyFont="1" applyBorder="1" applyAlignment="1">
      <alignment horizontal="left" vertical="top" wrapText="1"/>
    </xf>
    <xf numFmtId="0" fontId="23" fillId="5" borderId="2" xfId="0" applyFont="1" applyFill="1" applyBorder="1" applyAlignment="1">
      <alignment horizontal="left" vertical="top" wrapText="1"/>
    </xf>
    <xf numFmtId="0" fontId="14" fillId="0" borderId="2" xfId="0" applyFont="1" applyBorder="1" applyAlignment="1">
      <alignment horizontal="left" vertical="top" wrapText="1"/>
    </xf>
    <xf numFmtId="0" fontId="3" fillId="0" borderId="0" xfId="0" applyFont="1" applyAlignment="1">
      <alignment horizontal="left" vertical="top"/>
    </xf>
    <xf numFmtId="0" fontId="0" fillId="0" borderId="2" xfId="0" applyBorder="1" applyAlignment="1">
      <alignment horizontal="left" vertical="top"/>
    </xf>
    <xf numFmtId="0" fontId="1" fillId="2" borderId="2" xfId="0" applyFont="1" applyFill="1" applyBorder="1" applyAlignment="1">
      <alignment horizontal="left" vertical="top" wrapText="1"/>
    </xf>
    <xf numFmtId="0" fontId="13" fillId="4" borderId="2" xfId="0" applyFont="1" applyFill="1" applyBorder="1" applyAlignment="1">
      <alignment horizontal="left" vertical="top" wrapText="1"/>
    </xf>
    <xf numFmtId="14" fontId="16" fillId="0" borderId="2" xfId="0" applyNumberFormat="1" applyFont="1" applyBorder="1" applyAlignment="1">
      <alignment horizontal="left" vertical="top" wrapText="1"/>
    </xf>
    <xf numFmtId="0" fontId="16" fillId="0" borderId="2" xfId="0" applyFont="1" applyBorder="1" applyAlignment="1">
      <alignment horizontal="left" vertical="top" wrapText="1"/>
    </xf>
    <xf numFmtId="0" fontId="21" fillId="0" borderId="0" xfId="0" applyFont="1" applyAlignment="1">
      <alignment vertical="top"/>
    </xf>
    <xf numFmtId="0" fontId="0" fillId="0" borderId="7" xfId="0" applyBorder="1" applyAlignment="1">
      <alignment horizontal="left" vertical="top" wrapText="1"/>
    </xf>
    <xf numFmtId="0" fontId="0" fillId="0" borderId="9" xfId="0" applyBorder="1" applyAlignment="1">
      <alignment horizontal="left" vertical="top" wrapText="1"/>
    </xf>
    <xf numFmtId="0" fontId="0" fillId="0" borderId="11" xfId="0" applyBorder="1" applyAlignment="1">
      <alignment horizontal="left" vertical="top" wrapText="1"/>
    </xf>
    <xf numFmtId="0" fontId="22" fillId="2" borderId="12" xfId="0" applyFont="1" applyFill="1" applyBorder="1" applyAlignment="1">
      <alignment horizontal="left" vertical="top" wrapText="1"/>
    </xf>
    <xf numFmtId="0" fontId="22" fillId="2" borderId="14" xfId="0" applyFont="1" applyFill="1" applyBorder="1" applyAlignment="1">
      <alignment horizontal="left" vertical="top" wrapText="1"/>
    </xf>
    <xf numFmtId="0" fontId="22" fillId="2" borderId="13" xfId="0" applyFont="1" applyFill="1" applyBorder="1" applyAlignment="1">
      <alignment horizontal="left" vertical="top" wrapText="1"/>
    </xf>
    <xf numFmtId="0" fontId="9" fillId="0" borderId="8" xfId="0" applyFont="1" applyBorder="1" applyAlignment="1">
      <alignment horizontal="left" vertical="top" wrapText="1"/>
    </xf>
    <xf numFmtId="0" fontId="0" fillId="0" borderId="8" xfId="0" applyBorder="1" applyAlignment="1">
      <alignment horizontal="left" vertical="top" wrapText="1"/>
    </xf>
    <xf numFmtId="0" fontId="0" fillId="0" borderId="10" xfId="0" applyBorder="1" applyAlignment="1">
      <alignment horizontal="left" vertical="top" wrapText="1"/>
    </xf>
    <xf numFmtId="0" fontId="25" fillId="2" borderId="2" xfId="0" applyFont="1" applyFill="1" applyBorder="1" applyAlignment="1">
      <alignment horizontal="left" vertical="top" wrapText="1"/>
    </xf>
    <xf numFmtId="0" fontId="14" fillId="0" borderId="2" xfId="1" applyFont="1" applyBorder="1" applyAlignment="1">
      <alignment horizontal="left" vertical="top" wrapText="1"/>
    </xf>
    <xf numFmtId="0" fontId="28" fillId="2" borderId="2" xfId="0" applyFont="1" applyFill="1" applyBorder="1" applyAlignment="1">
      <alignment horizontal="left" vertical="top" wrapText="1"/>
    </xf>
    <xf numFmtId="0" fontId="24" fillId="2" borderId="0" xfId="0" applyFont="1" applyFill="1" applyAlignment="1">
      <alignment vertical="top"/>
    </xf>
    <xf numFmtId="0" fontId="0" fillId="2" borderId="0" xfId="0" applyFill="1"/>
    <xf numFmtId="0" fontId="16" fillId="0" borderId="16" xfId="0" applyFont="1" applyBorder="1" applyAlignment="1">
      <alignment horizontal="left" vertical="top" wrapText="1"/>
    </xf>
    <xf numFmtId="0" fontId="0" fillId="0" borderId="17" xfId="0" applyBorder="1" applyAlignment="1">
      <alignment wrapText="1"/>
    </xf>
    <xf numFmtId="0" fontId="16" fillId="0" borderId="1" xfId="0" applyFont="1" applyBorder="1" applyAlignment="1">
      <alignment horizontal="left" vertical="top" wrapText="1"/>
    </xf>
    <xf numFmtId="0" fontId="29" fillId="0" borderId="17" xfId="0" applyFont="1" applyBorder="1"/>
    <xf numFmtId="0" fontId="16" fillId="0" borderId="4" xfId="0" applyFont="1" applyBorder="1" applyAlignment="1">
      <alignment horizontal="left" vertical="top" wrapText="1"/>
    </xf>
    <xf numFmtId="0" fontId="24" fillId="2" borderId="0" xfId="0" applyFont="1" applyFill="1" applyAlignment="1">
      <alignment horizontal="left" vertical="top"/>
    </xf>
    <xf numFmtId="0" fontId="16" fillId="0" borderId="1" xfId="0" applyFont="1" applyBorder="1" applyAlignment="1">
      <alignment horizontal="center" vertical="center" wrapText="1"/>
    </xf>
    <xf numFmtId="0" fontId="16" fillId="0" borderId="18" xfId="0" applyFont="1" applyBorder="1" applyAlignment="1">
      <alignment horizontal="center" vertical="center" wrapText="1"/>
    </xf>
    <xf numFmtId="0" fontId="16" fillId="0" borderId="16" xfId="0" applyFont="1" applyBorder="1" applyAlignment="1">
      <alignment horizontal="center" vertical="center" wrapText="1"/>
    </xf>
    <xf numFmtId="14" fontId="16" fillId="0" borderId="1" xfId="0" applyNumberFormat="1" applyFont="1" applyBorder="1" applyAlignment="1">
      <alignment horizontal="center" vertical="center" wrapText="1"/>
    </xf>
    <xf numFmtId="14" fontId="16" fillId="0" borderId="15" xfId="0" applyNumberFormat="1" applyFont="1" applyBorder="1" applyAlignment="1">
      <alignment horizontal="center" vertical="center" wrapText="1"/>
    </xf>
    <xf numFmtId="14" fontId="16" fillId="0" borderId="16" xfId="0" applyNumberFormat="1" applyFont="1" applyBorder="1" applyAlignment="1">
      <alignment horizontal="center" vertical="center" wrapText="1"/>
    </xf>
    <xf numFmtId="0" fontId="1" fillId="2" borderId="4" xfId="0" applyFont="1" applyFill="1" applyBorder="1" applyAlignment="1">
      <alignment horizontal="left" vertical="top" wrapText="1"/>
    </xf>
    <xf numFmtId="0" fontId="1" fillId="2" borderId="5" xfId="0" applyFont="1" applyFill="1" applyBorder="1" applyAlignment="1">
      <alignment horizontal="left" vertical="top" wrapText="1"/>
    </xf>
    <xf numFmtId="0" fontId="0" fillId="0" borderId="0" xfId="0" applyAlignment="1">
      <alignment horizontal="left" vertical="top" wrapText="1"/>
    </xf>
    <xf numFmtId="0" fontId="0" fillId="3" borderId="2" xfId="0" applyFill="1" applyBorder="1" applyAlignment="1">
      <alignment horizontal="left" vertical="top" wrapText="1"/>
    </xf>
    <xf numFmtId="0" fontId="9" fillId="0" borderId="2" xfId="0" applyFont="1" applyBorder="1" applyAlignment="1">
      <alignment horizontal="left" vertical="top" wrapText="1"/>
    </xf>
    <xf numFmtId="0" fontId="0" fillId="3" borderId="2" xfId="0" applyFill="1" applyBorder="1" applyAlignment="1">
      <alignment horizontal="left" vertical="top"/>
    </xf>
    <xf numFmtId="0" fontId="3" fillId="0" borderId="2" xfId="0" applyFont="1" applyBorder="1" applyAlignment="1">
      <alignment horizontal="left" vertical="top" wrapText="1"/>
    </xf>
    <xf numFmtId="0" fontId="8" fillId="0" borderId="2" xfId="0" applyFont="1" applyBorder="1" applyAlignment="1">
      <alignment horizontal="left" vertical="top" wrapText="1"/>
    </xf>
    <xf numFmtId="0" fontId="7" fillId="0" borderId="1" xfId="1" applyFont="1" applyBorder="1" applyAlignment="1">
      <alignment horizontal="left" vertical="top" wrapText="1"/>
    </xf>
    <xf numFmtId="0" fontId="8" fillId="0" borderId="2" xfId="1" applyFont="1" applyBorder="1" applyAlignment="1">
      <alignment horizontal="left" vertical="top" wrapText="1"/>
    </xf>
    <xf numFmtId="0" fontId="3" fillId="0" borderId="4" xfId="0" applyFont="1" applyBorder="1" applyAlignment="1">
      <alignment horizontal="left" vertical="top" wrapText="1"/>
    </xf>
    <xf numFmtId="0" fontId="0" fillId="0" borderId="2" xfId="0" applyBorder="1" applyAlignment="1">
      <alignment horizontal="left" vertical="top" wrapText="1"/>
    </xf>
    <xf numFmtId="0" fontId="6" fillId="0" borderId="2" xfId="1" applyFont="1" applyBorder="1" applyAlignment="1">
      <alignment horizontal="left" vertical="top" wrapText="1"/>
    </xf>
    <xf numFmtId="0" fontId="7" fillId="0" borderId="2" xfId="0" applyFont="1" applyBorder="1" applyAlignment="1">
      <alignment horizontal="left" vertical="top" wrapText="1"/>
    </xf>
    <xf numFmtId="0" fontId="13" fillId="0" borderId="1" xfId="0" applyFont="1" applyBorder="1" applyAlignment="1">
      <alignment horizontal="left" vertical="top" wrapText="1"/>
    </xf>
    <xf numFmtId="0" fontId="9" fillId="0" borderId="1" xfId="0" applyFont="1" applyBorder="1" applyAlignment="1">
      <alignment horizontal="left" vertical="top" wrapText="1"/>
    </xf>
    <xf numFmtId="0" fontId="24" fillId="2" borderId="0" xfId="0" applyFont="1" applyFill="1" applyAlignment="1">
      <alignment horizontal="left"/>
    </xf>
  </cellXfs>
  <cellStyles count="3">
    <cellStyle name="Hyperlink" xfId="2" builtinId="8"/>
    <cellStyle name="Normal 2" xfId="1" xr:uid="{B54FA866-8EA2-4E9F-BCB0-949025A2EB7D}"/>
    <cellStyle name="Standaard" xfId="0" builtinId="0"/>
  </cellStyles>
  <dxfs count="8">
    <dxf>
      <fill>
        <patternFill patternType="none">
          <fgColor indexed="64"/>
          <bgColor auto="1"/>
        </patternFill>
      </fill>
      <alignment horizontal="left" vertical="top" textRotation="0" wrapText="1" indent="0" justifyLastLine="0" shrinkToFit="0" readingOrder="0"/>
      <border diagonalUp="0" diagonalDown="0">
        <left style="thin">
          <color indexed="64"/>
        </left>
        <right/>
        <top style="thin">
          <color indexed="64"/>
        </top>
        <bottom style="thin">
          <color indexed="64"/>
        </bottom>
        <vertical style="thin">
          <color indexed="64"/>
        </vertical>
        <horizontal style="thin">
          <color indexed="64"/>
        </horizontal>
      </border>
    </dxf>
    <dxf>
      <fill>
        <patternFill patternType="none">
          <fgColor indexed="64"/>
          <bgColor auto="1"/>
        </patternFill>
      </fill>
      <alignment horizontal="left" vertical="top" textRotation="0" wrapText="1" indent="0" justifyLastLine="0" shrinkToFit="0" readingOrder="0"/>
      <border diagonalUp="0" diagonalDown="0">
        <left/>
        <right style="thin">
          <color indexed="64"/>
        </right>
        <top style="thin">
          <color indexed="64"/>
        </top>
        <bottom style="thin">
          <color indexed="64"/>
        </bottom>
        <vertical style="thin">
          <color indexed="64"/>
        </vertical>
        <horizontal style="thin">
          <color indexed="64"/>
        </horizontal>
      </border>
    </dxf>
    <dxf>
      <fill>
        <patternFill patternType="none">
          <fgColor indexed="64"/>
          <bgColor auto="1"/>
        </patternFill>
      </fill>
      <alignment horizontal="left" vertical="top" textRotation="0" wrapText="1" indent="0" justifyLastLine="0" shrinkToFit="0" readingOrder="0"/>
    </dxf>
    <dxf>
      <font>
        <b/>
        <strike val="0"/>
        <outline val="0"/>
        <shadow val="0"/>
        <u val="none"/>
        <vertAlign val="baseline"/>
        <sz val="12"/>
        <color theme="0"/>
        <name val="Calibri"/>
        <family val="2"/>
        <scheme val="minor"/>
      </font>
      <alignment horizontal="left" vertical="top" textRotation="0" wrapText="1" indent="0" justifyLastLine="0" shrinkToFit="0" readingOrder="0"/>
      <border diagonalUp="0" diagonalDown="0">
        <left style="thin">
          <color indexed="64"/>
        </left>
        <right style="thin">
          <color indexed="64"/>
        </right>
        <top/>
        <bottom/>
        <vertical style="thin">
          <color indexed="64"/>
        </vertical>
        <horizontal style="thin">
          <color indexed="64"/>
        </horizontal>
      </border>
    </dxf>
    <dxf>
      <fill>
        <patternFill>
          <bgColor theme="9"/>
        </patternFill>
      </fill>
    </dxf>
    <dxf>
      <fill>
        <patternFill>
          <bgColor rgb="FFC00000"/>
        </patternFill>
      </fill>
    </dxf>
    <dxf>
      <fill>
        <patternFill>
          <bgColor theme="9"/>
        </patternFill>
      </fill>
    </dxf>
    <dxf>
      <fill>
        <patternFill>
          <bgColor rgb="FFC00000"/>
        </patternFill>
      </fill>
    </dxf>
  </dxfs>
  <tableStyles count="0" defaultTableStyle="TableStyleMedium2" defaultPivotStyle="PivotStyleLight16"/>
  <colors>
    <mruColors>
      <color rgb="FF009BA4"/>
      <color rgb="FFFEF5F0"/>
      <color rgb="FF9BC2E6"/>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haredStrings" Target="sharedStrings.xml"/><Relationship Id="rId13" Type="http://schemas.openxmlformats.org/officeDocument/2006/relationships/customXml" Target="../customXml/item5.xml"/><Relationship Id="rId3" Type="http://schemas.openxmlformats.org/officeDocument/2006/relationships/worksheet" Target="worksheets/sheet3.xml"/><Relationship Id="rId7" Type="http://schemas.openxmlformats.org/officeDocument/2006/relationships/styles" Target="styles.xml"/><Relationship Id="rId12" Type="http://schemas.openxmlformats.org/officeDocument/2006/relationships/customXml" Target="../customXml/item4.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theme" Target="theme/theme1.xml"/><Relationship Id="rId11" Type="http://schemas.openxmlformats.org/officeDocument/2006/relationships/customXml" Target="../customXml/item3.xml"/><Relationship Id="rId5" Type="http://schemas.openxmlformats.org/officeDocument/2006/relationships/worksheet" Target="worksheets/sheet5.xml"/><Relationship Id="rId10" Type="http://schemas.openxmlformats.org/officeDocument/2006/relationships/customXml" Target="../customXml/item2.xml"/><Relationship Id="rId4" Type="http://schemas.openxmlformats.org/officeDocument/2006/relationships/worksheet" Target="worksheets/sheet4.xml"/><Relationship Id="rId9" Type="http://schemas.openxmlformats.org/officeDocument/2006/relationships/customXml" Target="../customXml/item1.xml"/></Relationship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_rels/drawing2.xml.rels><?xml version="1.0" encoding="UTF-8" standalone="yes"?>
<Relationships xmlns="http://schemas.openxmlformats.org/package/2006/relationships"><Relationship Id="rId1" Type="http://schemas.openxmlformats.org/officeDocument/2006/relationships/image" Target="../media/image2.png"/></Relationships>
</file>

<file path=xl/drawings/drawing1.xml><?xml version="1.0" encoding="utf-8"?>
<xdr:wsDr xmlns:xdr="http://schemas.openxmlformats.org/drawingml/2006/spreadsheetDrawing" xmlns:a="http://schemas.openxmlformats.org/drawingml/2006/main">
  <xdr:twoCellAnchor editAs="oneCell">
    <xdr:from>
      <xdr:col>0</xdr:col>
      <xdr:colOff>209550</xdr:colOff>
      <xdr:row>1</xdr:row>
      <xdr:rowOff>28575</xdr:rowOff>
    </xdr:from>
    <xdr:to>
      <xdr:col>2</xdr:col>
      <xdr:colOff>1516480</xdr:colOff>
      <xdr:row>4</xdr:row>
      <xdr:rowOff>82393</xdr:rowOff>
    </xdr:to>
    <xdr:pic>
      <xdr:nvPicPr>
        <xdr:cNvPr id="2" name="Afbeelding 1">
          <a:extLst>
            <a:ext uri="{FF2B5EF4-FFF2-40B4-BE49-F238E27FC236}">
              <a16:creationId xmlns:a16="http://schemas.microsoft.com/office/drawing/2014/main" id="{9F64A967-410C-4212-8E4C-CB15A869DBD5}"/>
            </a:ext>
          </a:extLst>
        </xdr:cNvPr>
        <xdr:cNvPicPr>
          <a:picLocks noChangeAspect="1"/>
        </xdr:cNvPicPr>
      </xdr:nvPicPr>
      <xdr:blipFill>
        <a:blip xmlns:r="http://schemas.openxmlformats.org/officeDocument/2006/relationships" r:embed="rId1"/>
        <a:stretch>
          <a:fillRect/>
        </a:stretch>
      </xdr:blipFill>
      <xdr:spPr>
        <a:xfrm>
          <a:off x="209550" y="219075"/>
          <a:ext cx="1783180" cy="625318"/>
        </a:xfrm>
        <a:prstGeom prst="rect">
          <a:avLst/>
        </a:prstGeom>
      </xdr:spPr>
    </xdr:pic>
    <xdr:clientData/>
  </xdr:twoCellAnchor>
</xdr:wsDr>
</file>

<file path=xl/drawings/drawing2.xml><?xml version="1.0" encoding="utf-8"?>
<xdr:wsDr xmlns:xdr="http://schemas.openxmlformats.org/drawingml/2006/spreadsheetDrawing" xmlns:a="http://schemas.openxmlformats.org/drawingml/2006/main">
  <xdr:twoCellAnchor editAs="oneCell">
    <xdr:from>
      <xdr:col>10</xdr:col>
      <xdr:colOff>76200</xdr:colOff>
      <xdr:row>3</xdr:row>
      <xdr:rowOff>47626</xdr:rowOff>
    </xdr:from>
    <xdr:to>
      <xdr:col>18</xdr:col>
      <xdr:colOff>576309</xdr:colOff>
      <xdr:row>8</xdr:row>
      <xdr:rowOff>47625</xdr:rowOff>
    </xdr:to>
    <xdr:pic>
      <xdr:nvPicPr>
        <xdr:cNvPr id="4" name="Picture 3">
          <a:extLst>
            <a:ext uri="{FF2B5EF4-FFF2-40B4-BE49-F238E27FC236}">
              <a16:creationId xmlns:a16="http://schemas.microsoft.com/office/drawing/2014/main" id="{6FF51813-5D8F-4F2B-85D0-6C1EEBA63512}"/>
            </a:ext>
          </a:extLst>
        </xdr:cNvPr>
        <xdr:cNvPicPr>
          <a:picLocks noChangeAspect="1"/>
        </xdr:cNvPicPr>
      </xdr:nvPicPr>
      <xdr:blipFill rotWithShape="1">
        <a:blip xmlns:r="http://schemas.openxmlformats.org/officeDocument/2006/relationships" r:embed="rId1"/>
        <a:srcRect r="1307"/>
        <a:stretch/>
      </xdr:blipFill>
      <xdr:spPr>
        <a:xfrm>
          <a:off x="7696200" y="1762126"/>
          <a:ext cx="5376909" cy="5962649"/>
        </a:xfrm>
        <a:prstGeom prst="rect">
          <a:avLst/>
        </a:prstGeom>
      </xdr:spPr>
    </xdr:pic>
    <xdr:clientData/>
  </xdr:twoCellAnchor>
</xdr:wsDr>
</file>

<file path=xl/tables/table1.xml><?xml version="1.0" encoding="utf-8"?>
<table xmlns="http://schemas.openxmlformats.org/spreadsheetml/2006/main" xmlns:mc="http://schemas.openxmlformats.org/markup-compatibility/2006" xmlns:xr="http://schemas.microsoft.com/office/spreadsheetml/2014/revision" xmlns:xr3="http://schemas.microsoft.com/office/spreadsheetml/2016/revision3" mc:Ignorable="xr xr3" id="1" xr:uid="{42C4F248-EC7D-49E5-AB76-9BB9BA0BD3A7}" name="Table1" displayName="Table1" ref="C4:D32" totalsRowShown="0" headerRowDxfId="3" dataDxfId="2">
  <autoFilter ref="C4:D32" xr:uid="{42C4F248-EC7D-49E5-AB76-9BB9BA0BD3A7}"/>
  <tableColumns count="2">
    <tableColumn id="1" xr3:uid="{5CFAA928-3590-4324-BB64-45C7281636E7}" name="Mogelijke bewijsstukken" dataDxfId="1"/>
    <tableColumn id="2" xr3:uid="{BC3BADC2-70C4-4F17-BAD8-78E03FCD6267}" name="Uitleg bewijsstuk" dataDxfId="0"/>
  </tableColumns>
  <tableStyleInfo showFirstColumn="0" showLastColumn="0" showRowStripes="1" showColumnStripes="0"/>
</table>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2.xml.rels><?xml version="1.0" encoding="UTF-8" standalone="yes"?>
<Relationships xmlns="http://schemas.openxmlformats.org/package/2006/relationships"><Relationship Id="rId1" Type="http://schemas.openxmlformats.org/officeDocument/2006/relationships/drawing" Target="../drawings/drawing1.xml"/></Relationships>
</file>

<file path=xl/worksheets/_rels/sheet3.xml.rels><?xml version="1.0" encoding="UTF-8" standalone="yes"?>
<Relationships xmlns="http://schemas.openxmlformats.org/package/2006/relationships"><Relationship Id="rId2" Type="http://schemas.openxmlformats.org/officeDocument/2006/relationships/printerSettings" Target="../printerSettings/printerSettings1.bin"/><Relationship Id="rId1" Type="http://schemas.openxmlformats.org/officeDocument/2006/relationships/hyperlink" Target="https://kwaliteitsregistraties.demedischspecialist.nl/stappenplan/" TargetMode="External"/></Relationships>
</file>

<file path=xl/worksheets/_rels/sheet4.xml.rels><?xml version="1.0" encoding="UTF-8" standalone="yes"?>
<Relationships xmlns="http://schemas.openxmlformats.org/package/2006/relationships"><Relationship Id="rId1" Type="http://schemas.openxmlformats.org/officeDocument/2006/relationships/table" Target="../tables/table1.xml"/></Relationships>
</file>

<file path=xl/worksheets/_rels/sheet5.xml.rels><?xml version="1.0" encoding="UTF-8" standalone="yes"?>
<Relationships xmlns="http://schemas.openxmlformats.org/package/2006/relationships"><Relationship Id="rId3" Type="http://schemas.openxmlformats.org/officeDocument/2006/relationships/drawing" Target="../drawings/drawing2.xml"/><Relationship Id="rId2" Type="http://schemas.openxmlformats.org/officeDocument/2006/relationships/printerSettings" Target="../printerSettings/printerSettings2.bin"/><Relationship Id="rId1" Type="http://schemas.openxmlformats.org/officeDocument/2006/relationships/hyperlink" Target="https://zorgictzorgen.nl/wp-content/uploads/2018/07/20180604NotitieEenheidvanTaalindeZorg-Terconsultatie-1.pdf" TargetMode="External"/></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975C312-EE68-4324-8223-515C768BAE35}">
  <dimension ref="B3:D17"/>
  <sheetViews>
    <sheetView showGridLines="0" topLeftCell="A3" workbookViewId="0">
      <selection activeCell="A3" sqref="A1:XFD1048576"/>
    </sheetView>
  </sheetViews>
  <sheetFormatPr defaultRowHeight="14.4" x14ac:dyDescent="0.3"/>
  <cols>
    <col min="2" max="2" width="20.5546875" customWidth="1"/>
    <col min="3" max="3" width="15.33203125" customWidth="1"/>
    <col min="4" max="4" width="53.5546875" customWidth="1"/>
  </cols>
  <sheetData>
    <row r="3" spans="2:4" ht="21" x14ac:dyDescent="0.3">
      <c r="B3" s="74" t="s">
        <v>0</v>
      </c>
      <c r="C3" s="74"/>
      <c r="D3" s="74"/>
    </row>
    <row r="5" spans="2:4" x14ac:dyDescent="0.3">
      <c r="B5" s="46" t="s">
        <v>1</v>
      </c>
      <c r="C5" s="46" t="s">
        <v>2</v>
      </c>
      <c r="D5" s="46" t="s">
        <v>3</v>
      </c>
    </row>
    <row r="6" spans="2:4" x14ac:dyDescent="0.3">
      <c r="B6" s="52">
        <v>44917</v>
      </c>
      <c r="C6" s="53" t="s">
        <v>4</v>
      </c>
      <c r="D6" s="53" t="s">
        <v>5</v>
      </c>
    </row>
    <row r="7" spans="2:4" ht="28.8" x14ac:dyDescent="0.3">
      <c r="B7" s="78">
        <v>45261</v>
      </c>
      <c r="C7" s="75" t="s">
        <v>6</v>
      </c>
      <c r="D7" s="71" t="s">
        <v>321</v>
      </c>
    </row>
    <row r="8" spans="2:4" ht="28.8" x14ac:dyDescent="0.3">
      <c r="B8" s="79"/>
      <c r="C8" s="76"/>
      <c r="D8" s="70" t="s">
        <v>322</v>
      </c>
    </row>
    <row r="9" spans="2:4" ht="77.400000000000006" customHeight="1" x14ac:dyDescent="0.3">
      <c r="B9" s="80"/>
      <c r="C9" s="77"/>
      <c r="D9" s="69" t="s">
        <v>7</v>
      </c>
    </row>
    <row r="10" spans="2:4" x14ac:dyDescent="0.3">
      <c r="B10" s="52"/>
      <c r="C10" s="53"/>
      <c r="D10" s="53"/>
    </row>
    <row r="11" spans="2:4" x14ac:dyDescent="0.3">
      <c r="B11" s="52"/>
      <c r="C11" s="53"/>
      <c r="D11" s="71"/>
    </row>
    <row r="12" spans="2:4" x14ac:dyDescent="0.3">
      <c r="B12" s="52"/>
      <c r="C12" s="73"/>
      <c r="D12" s="72"/>
    </row>
    <row r="13" spans="2:4" x14ac:dyDescent="0.3">
      <c r="B13" s="52"/>
      <c r="C13" s="53"/>
      <c r="D13" s="69"/>
    </row>
    <row r="14" spans="2:4" x14ac:dyDescent="0.3">
      <c r="B14" s="52"/>
      <c r="C14" s="53"/>
      <c r="D14" s="53"/>
    </row>
    <row r="15" spans="2:4" x14ac:dyDescent="0.3">
      <c r="B15" s="52"/>
      <c r="C15" s="53"/>
      <c r="D15" s="53"/>
    </row>
    <row r="16" spans="2:4" x14ac:dyDescent="0.3">
      <c r="B16" s="52"/>
      <c r="C16" s="53"/>
      <c r="D16" s="53"/>
    </row>
    <row r="17" spans="2:4" x14ac:dyDescent="0.3">
      <c r="B17" s="52"/>
      <c r="C17" s="53"/>
      <c r="D17" s="53"/>
    </row>
  </sheetData>
  <sheetProtection algorithmName="SHA-512" hashValue="Hlx8rUSUCfh8mmlmC7Lf2QgoeHdfxyaRop/pih9FxcnawUfPehBi7UCALwiqYSRgjoWEOP+wBDZySICouizOsQ==" saltValue="vV7gs8vyD5REcG0xp0AaoA==" spinCount="100000" sheet="1" objects="1" scenarios="1" formatCells="0" formatColumns="0" formatRows="0" insertColumns="0" insertRows="0"/>
  <mergeCells count="3">
    <mergeCell ref="B3:D3"/>
    <mergeCell ref="C7:C9"/>
    <mergeCell ref="B7:B9"/>
  </mergeCells>
  <pageMargins left="0.7" right="0.7" top="0.75" bottom="0.75" header="0.3" footer="0.3"/>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867A5E40-F854-409B-832F-FD4A19DB4BE8}">
  <dimension ref="B7:O18"/>
  <sheetViews>
    <sheetView showGridLines="0" workbookViewId="0">
      <selection sqref="A1:XFD1048576"/>
    </sheetView>
  </sheetViews>
  <sheetFormatPr defaultRowHeight="14.4" x14ac:dyDescent="0.3"/>
  <cols>
    <col min="1" max="1" width="3.5546875" customWidth="1"/>
    <col min="2" max="2" width="3.5546875" style="6" customWidth="1"/>
    <col min="3" max="3" width="60.6640625" style="5" customWidth="1"/>
    <col min="4" max="4" width="9.109375" style="7"/>
    <col min="5" max="5" width="4" style="6" customWidth="1"/>
    <col min="6" max="6" width="60.6640625" style="5" customWidth="1"/>
    <col min="7" max="7" width="9.109375" style="6"/>
    <col min="8" max="15" width="9.109375" style="7"/>
  </cols>
  <sheetData>
    <row r="7" spans="2:11" ht="21" x14ac:dyDescent="0.3">
      <c r="B7" s="74" t="s">
        <v>8</v>
      </c>
      <c r="C7" s="74"/>
      <c r="D7" s="74"/>
      <c r="E7" s="74"/>
      <c r="F7" s="74"/>
    </row>
    <row r="9" spans="2:11" ht="15" customHeight="1" x14ac:dyDescent="0.3">
      <c r="B9" s="83" t="s">
        <v>9</v>
      </c>
      <c r="C9" s="83"/>
      <c r="D9" s="83"/>
      <c r="E9" s="83"/>
      <c r="F9" s="83"/>
    </row>
    <row r="11" spans="2:11" s="6" customFormat="1" ht="17.25" customHeight="1" x14ac:dyDescent="0.3">
      <c r="B11" s="81" t="s">
        <v>10</v>
      </c>
      <c r="C11" s="82"/>
      <c r="E11" s="81" t="s">
        <v>11</v>
      </c>
      <c r="F11" s="82"/>
      <c r="G11" s="48"/>
      <c r="H11" s="48"/>
      <c r="I11" s="48"/>
      <c r="J11" s="48"/>
      <c r="K11" s="48"/>
    </row>
    <row r="12" spans="2:11" s="6" customFormat="1" ht="28.8" x14ac:dyDescent="0.3">
      <c r="B12" s="49" t="s">
        <v>12</v>
      </c>
      <c r="C12" s="31" t="s">
        <v>13</v>
      </c>
      <c r="E12" s="49" t="s">
        <v>14</v>
      </c>
      <c r="F12" s="31" t="s">
        <v>15</v>
      </c>
    </row>
    <row r="13" spans="2:11" s="6" customFormat="1" ht="43.2" x14ac:dyDescent="0.3">
      <c r="B13" s="49" t="s">
        <v>16</v>
      </c>
      <c r="C13" s="31" t="s">
        <v>17</v>
      </c>
      <c r="E13" s="49" t="s">
        <v>18</v>
      </c>
      <c r="F13" s="31" t="s">
        <v>19</v>
      </c>
    </row>
    <row r="14" spans="2:11" s="6" customFormat="1" ht="48.75" customHeight="1" x14ac:dyDescent="0.3">
      <c r="B14" s="49" t="s">
        <v>20</v>
      </c>
      <c r="C14" s="31" t="s">
        <v>21</v>
      </c>
      <c r="E14" s="49" t="s">
        <v>22</v>
      </c>
      <c r="F14" s="31" t="s">
        <v>23</v>
      </c>
    </row>
    <row r="15" spans="2:11" s="6" customFormat="1" ht="28.8" x14ac:dyDescent="0.3">
      <c r="B15" s="49" t="s">
        <v>24</v>
      </c>
      <c r="C15" s="31" t="s">
        <v>25</v>
      </c>
      <c r="E15" s="49" t="s">
        <v>26</v>
      </c>
      <c r="F15" s="31" t="s">
        <v>27</v>
      </c>
    </row>
    <row r="16" spans="2:11" s="6" customFormat="1" ht="28.8" x14ac:dyDescent="0.3">
      <c r="B16" s="49" t="s">
        <v>28</v>
      </c>
      <c r="C16" s="31" t="s">
        <v>29</v>
      </c>
      <c r="E16" s="49" t="s">
        <v>30</v>
      </c>
      <c r="F16" s="31" t="s">
        <v>31</v>
      </c>
    </row>
    <row r="17" spans="3:6" s="6" customFormat="1" x14ac:dyDescent="0.3">
      <c r="C17" s="5"/>
      <c r="E17" s="49" t="s">
        <v>32</v>
      </c>
      <c r="F17" s="31" t="s">
        <v>33</v>
      </c>
    </row>
    <row r="18" spans="3:6" s="6" customFormat="1" ht="28.8" x14ac:dyDescent="0.3">
      <c r="C18" s="5"/>
      <c r="E18" s="49" t="s">
        <v>34</v>
      </c>
      <c r="F18" s="31" t="s">
        <v>35</v>
      </c>
    </row>
  </sheetData>
  <sheetProtection algorithmName="SHA-512" hashValue="+IuYLPwRdepmte5tMkGNaO3M8fAi+z9K+j8tjuWSfeMp4jcvfV2CI1cR2aN9yXeRGBVxkyvxB0hbJepYAEGtXA==" saltValue="ZUdQhcdeCR0ATgJ4UUnD0g==" spinCount="100000" sheet="1" objects="1" scenarios="1" formatCells="0" formatColumns="0" formatRows="0" insertColumns="0" insertRows="0"/>
  <mergeCells count="4">
    <mergeCell ref="B11:C11"/>
    <mergeCell ref="E11:F11"/>
    <mergeCell ref="B7:F7"/>
    <mergeCell ref="B9:F9"/>
  </mergeCells>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B2:M28"/>
  <sheetViews>
    <sheetView showGridLines="0" tabSelected="1" zoomScale="70" zoomScaleNormal="70" zoomScaleSheetLayoutView="73" workbookViewId="0">
      <pane xSplit="5" ySplit="4" topLeftCell="G8" activePane="bottomRight" state="frozen"/>
      <selection pane="topRight" activeCell="F1" sqref="F1"/>
      <selection pane="bottomLeft" activeCell="A6" sqref="A6"/>
      <selection pane="bottomRight" activeCell="C4" sqref="C4"/>
    </sheetView>
  </sheetViews>
  <sheetFormatPr defaultRowHeight="14.4" x14ac:dyDescent="0.3"/>
  <cols>
    <col min="1" max="1" width="2.109375" customWidth="1"/>
    <col min="2" max="2" width="8.88671875" style="1" customWidth="1"/>
    <col min="3" max="3" width="31" style="1" customWidth="1"/>
    <col min="4" max="4" width="7.88671875" style="1" customWidth="1"/>
    <col min="5" max="5" width="32.6640625" style="1" customWidth="1"/>
    <col min="6" max="6" width="106.88671875" style="1" customWidth="1"/>
    <col min="7" max="7" width="79.6640625" style="1" customWidth="1"/>
    <col min="8" max="8" width="61.88671875" style="1" customWidth="1"/>
    <col min="9" max="9" width="63.6640625" style="1" customWidth="1"/>
    <col min="10" max="10" width="39.88671875" style="2" customWidth="1"/>
    <col min="11" max="11" width="33.44140625" style="1" customWidth="1"/>
    <col min="12" max="12" width="31" style="1" customWidth="1"/>
    <col min="13" max="13" width="59.88671875" customWidth="1"/>
  </cols>
  <sheetData>
    <row r="2" spans="2:13" ht="21" x14ac:dyDescent="0.3">
      <c r="B2" s="67" t="s">
        <v>36</v>
      </c>
      <c r="C2" s="67"/>
      <c r="D2" s="67"/>
      <c r="E2" s="67"/>
      <c r="F2" s="67"/>
      <c r="G2" s="67"/>
      <c r="H2" s="67"/>
      <c r="I2" s="67"/>
      <c r="J2" s="67"/>
      <c r="K2" s="67"/>
      <c r="L2" s="67"/>
      <c r="M2" s="68"/>
    </row>
    <row r="3" spans="2:13" ht="14.25" customHeight="1" x14ac:dyDescent="0.3">
      <c r="F3" s="2"/>
      <c r="G3" s="41"/>
    </row>
    <row r="4" spans="2:13" s="5" customFormat="1" ht="81.75" customHeight="1" x14ac:dyDescent="0.3">
      <c r="B4" s="50" t="s">
        <v>37</v>
      </c>
      <c r="C4" s="64" t="s">
        <v>319</v>
      </c>
      <c r="D4" s="50" t="s">
        <v>38</v>
      </c>
      <c r="E4" s="50" t="s">
        <v>320</v>
      </c>
      <c r="F4" s="50" t="s">
        <v>318</v>
      </c>
      <c r="G4" s="64" t="s">
        <v>317</v>
      </c>
      <c r="H4" s="66" t="s">
        <v>39</v>
      </c>
      <c r="I4" s="50" t="s">
        <v>40</v>
      </c>
      <c r="J4" s="50" t="s">
        <v>316</v>
      </c>
      <c r="K4" s="50" t="s">
        <v>41</v>
      </c>
      <c r="L4" s="50" t="s">
        <v>42</v>
      </c>
      <c r="M4" s="50" t="s">
        <v>43</v>
      </c>
    </row>
    <row r="5" spans="2:13" ht="115.2" x14ac:dyDescent="0.3">
      <c r="B5" s="8">
        <v>0</v>
      </c>
      <c r="C5" s="36" t="s">
        <v>44</v>
      </c>
      <c r="D5" s="8" t="s">
        <v>45</v>
      </c>
      <c r="E5" s="9" t="s">
        <v>46</v>
      </c>
      <c r="F5" s="10" t="s">
        <v>323</v>
      </c>
      <c r="G5" s="11" t="s">
        <v>47</v>
      </c>
      <c r="H5" s="11" t="s">
        <v>47</v>
      </c>
      <c r="I5" s="8" t="s">
        <v>48</v>
      </c>
      <c r="J5" s="11" t="s">
        <v>47</v>
      </c>
      <c r="K5" s="12" t="s">
        <v>49</v>
      </c>
      <c r="L5" s="8" t="s">
        <v>50</v>
      </c>
      <c r="M5" s="10" t="s">
        <v>51</v>
      </c>
    </row>
    <row r="6" spans="2:13" ht="137.25" customHeight="1" x14ac:dyDescent="0.3">
      <c r="B6" s="31">
        <v>1</v>
      </c>
      <c r="C6" s="32" t="s">
        <v>52</v>
      </c>
      <c r="D6" s="31" t="s">
        <v>6</v>
      </c>
      <c r="E6" s="32" t="s">
        <v>53</v>
      </c>
      <c r="F6" s="30" t="s">
        <v>54</v>
      </c>
      <c r="G6" s="30" t="s">
        <v>55</v>
      </c>
      <c r="H6" s="31" t="s">
        <v>56</v>
      </c>
      <c r="I6" s="31" t="s">
        <v>57</v>
      </c>
      <c r="J6" s="29" t="s">
        <v>58</v>
      </c>
      <c r="K6" s="31" t="s">
        <v>59</v>
      </c>
      <c r="L6" s="31" t="s">
        <v>50</v>
      </c>
      <c r="M6" s="24" t="s">
        <v>60</v>
      </c>
    </row>
    <row r="7" spans="2:13" ht="112.5" customHeight="1" x14ac:dyDescent="0.3">
      <c r="B7" s="92">
        <v>2</v>
      </c>
      <c r="C7" s="87" t="s">
        <v>61</v>
      </c>
      <c r="D7" s="31" t="s">
        <v>62</v>
      </c>
      <c r="E7" s="47" t="s">
        <v>63</v>
      </c>
      <c r="F7" s="30" t="s">
        <v>64</v>
      </c>
      <c r="G7" s="31" t="s">
        <v>65</v>
      </c>
      <c r="H7" s="31" t="s">
        <v>66</v>
      </c>
      <c r="I7" s="31" t="s">
        <v>67</v>
      </c>
      <c r="J7" s="29" t="s">
        <v>68</v>
      </c>
      <c r="K7" s="31" t="s">
        <v>69</v>
      </c>
      <c r="L7" s="31" t="s">
        <v>50</v>
      </c>
      <c r="M7" s="24" t="s">
        <v>70</v>
      </c>
    </row>
    <row r="8" spans="2:13" ht="153.75" customHeight="1" x14ac:dyDescent="0.3">
      <c r="B8" s="92"/>
      <c r="C8" s="87"/>
      <c r="D8" s="92" t="s">
        <v>71</v>
      </c>
      <c r="E8" s="87" t="s">
        <v>72</v>
      </c>
      <c r="F8" s="85" t="s">
        <v>73</v>
      </c>
      <c r="G8" s="31" t="s">
        <v>74</v>
      </c>
      <c r="H8" s="31" t="s">
        <v>75</v>
      </c>
      <c r="I8" s="31" t="s">
        <v>67</v>
      </c>
      <c r="J8" s="84" t="s">
        <v>76</v>
      </c>
      <c r="K8" s="31" t="s">
        <v>77</v>
      </c>
      <c r="L8" s="31" t="s">
        <v>50</v>
      </c>
      <c r="M8" s="95" t="s">
        <v>78</v>
      </c>
    </row>
    <row r="9" spans="2:13" ht="154.5" customHeight="1" x14ac:dyDescent="0.3">
      <c r="B9" s="92"/>
      <c r="C9" s="87"/>
      <c r="D9" s="92"/>
      <c r="E9" s="87"/>
      <c r="F9" s="85"/>
      <c r="G9" s="31" t="s">
        <v>79</v>
      </c>
      <c r="H9" s="31" t="s">
        <v>80</v>
      </c>
      <c r="I9" s="31" t="s">
        <v>67</v>
      </c>
      <c r="J9" s="84"/>
      <c r="K9" s="31" t="s">
        <v>81</v>
      </c>
      <c r="L9" s="31" t="s">
        <v>50</v>
      </c>
      <c r="M9" s="96"/>
    </row>
    <row r="10" spans="2:13" ht="138" customHeight="1" x14ac:dyDescent="0.3">
      <c r="B10" s="92"/>
      <c r="C10" s="87"/>
      <c r="D10" s="31" t="s">
        <v>82</v>
      </c>
      <c r="E10" s="47" t="s">
        <v>83</v>
      </c>
      <c r="F10" s="30" t="s">
        <v>84</v>
      </c>
      <c r="G10" s="31" t="s">
        <v>85</v>
      </c>
      <c r="H10" s="31" t="s">
        <v>86</v>
      </c>
      <c r="I10" s="31" t="s">
        <v>67</v>
      </c>
      <c r="J10" s="29" t="s">
        <v>87</v>
      </c>
      <c r="K10" s="31" t="s">
        <v>88</v>
      </c>
      <c r="L10" s="31" t="s">
        <v>50</v>
      </c>
      <c r="M10" s="24" t="s">
        <v>89</v>
      </c>
    </row>
    <row r="11" spans="2:13" ht="100.8" x14ac:dyDescent="0.3">
      <c r="B11" s="39">
        <v>3</v>
      </c>
      <c r="C11" s="40" t="s">
        <v>90</v>
      </c>
      <c r="D11" s="39" t="s">
        <v>91</v>
      </c>
      <c r="E11" s="32" t="s">
        <v>92</v>
      </c>
      <c r="F11" s="30" t="s">
        <v>93</v>
      </c>
      <c r="G11" s="31" t="s">
        <v>94</v>
      </c>
      <c r="H11" s="30" t="s">
        <v>95</v>
      </c>
      <c r="I11" s="31" t="s">
        <v>67</v>
      </c>
      <c r="J11" s="29" t="s">
        <v>96</v>
      </c>
      <c r="K11" s="31" t="s">
        <v>97</v>
      </c>
      <c r="L11" s="31" t="s">
        <v>50</v>
      </c>
      <c r="M11" s="43" t="s">
        <v>98</v>
      </c>
    </row>
    <row r="12" spans="2:13" ht="96.75" customHeight="1" x14ac:dyDescent="0.3">
      <c r="B12" s="92">
        <v>4</v>
      </c>
      <c r="C12" s="88" t="s">
        <v>99</v>
      </c>
      <c r="D12" s="30" t="s">
        <v>100</v>
      </c>
      <c r="E12" s="13" t="s">
        <v>101</v>
      </c>
      <c r="F12" s="30" t="s">
        <v>102</v>
      </c>
      <c r="G12" s="30" t="s">
        <v>103</v>
      </c>
      <c r="H12" s="30" t="s">
        <v>104</v>
      </c>
      <c r="I12" s="31" t="s">
        <v>105</v>
      </c>
      <c r="J12" s="37" t="s">
        <v>106</v>
      </c>
      <c r="K12" s="31" t="s">
        <v>97</v>
      </c>
      <c r="L12" s="31" t="s">
        <v>50</v>
      </c>
      <c r="M12" s="14" t="s">
        <v>107</v>
      </c>
    </row>
    <row r="13" spans="2:13" ht="174.75" customHeight="1" x14ac:dyDescent="0.3">
      <c r="B13" s="92"/>
      <c r="C13" s="88"/>
      <c r="D13" s="30" t="s">
        <v>108</v>
      </c>
      <c r="E13" s="13" t="s">
        <v>109</v>
      </c>
      <c r="F13" s="30" t="s">
        <v>110</v>
      </c>
      <c r="G13" s="30" t="s">
        <v>111</v>
      </c>
      <c r="H13" s="30" t="s">
        <v>112</v>
      </c>
      <c r="I13" s="31" t="s">
        <v>67</v>
      </c>
      <c r="J13" s="37" t="s">
        <v>113</v>
      </c>
      <c r="K13" s="31" t="s">
        <v>97</v>
      </c>
      <c r="L13" s="31" t="s">
        <v>50</v>
      </c>
      <c r="M13" s="42" t="s">
        <v>114</v>
      </c>
    </row>
    <row r="14" spans="2:13" ht="392.25" customHeight="1" x14ac:dyDescent="0.3">
      <c r="B14" s="93">
        <v>5</v>
      </c>
      <c r="C14" s="89" t="s">
        <v>115</v>
      </c>
      <c r="D14" s="33" t="s">
        <v>116</v>
      </c>
      <c r="E14" s="15" t="s">
        <v>117</v>
      </c>
      <c r="F14" s="96" t="s">
        <v>118</v>
      </c>
      <c r="G14" s="18" t="s">
        <v>119</v>
      </c>
      <c r="H14" s="18" t="s">
        <v>120</v>
      </c>
      <c r="I14" s="31" t="s">
        <v>67</v>
      </c>
      <c r="J14" s="92" t="s">
        <v>121</v>
      </c>
      <c r="K14" s="33" t="s">
        <v>122</v>
      </c>
      <c r="L14" s="33" t="s">
        <v>50</v>
      </c>
      <c r="M14" s="38" t="s">
        <v>123</v>
      </c>
    </row>
    <row r="15" spans="2:13" ht="138" customHeight="1" x14ac:dyDescent="0.3">
      <c r="B15" s="93"/>
      <c r="C15" s="89"/>
      <c r="D15" s="33" t="s">
        <v>124</v>
      </c>
      <c r="E15" s="15" t="s">
        <v>125</v>
      </c>
      <c r="F15" s="96"/>
      <c r="G15" s="18" t="s">
        <v>126</v>
      </c>
      <c r="H15" s="17" t="s">
        <v>127</v>
      </c>
      <c r="I15" s="31" t="s">
        <v>67</v>
      </c>
      <c r="J15" s="92"/>
      <c r="K15" s="33" t="s">
        <v>128</v>
      </c>
      <c r="L15" s="33" t="s">
        <v>50</v>
      </c>
      <c r="M15" s="16" t="s">
        <v>129</v>
      </c>
    </row>
    <row r="16" spans="2:13" ht="222" customHeight="1" x14ac:dyDescent="0.3">
      <c r="B16" s="33">
        <v>6</v>
      </c>
      <c r="C16" s="15" t="s">
        <v>130</v>
      </c>
      <c r="D16" s="33" t="s">
        <v>131</v>
      </c>
      <c r="E16" s="65" t="s">
        <v>324</v>
      </c>
      <c r="F16" s="24" t="s">
        <v>325</v>
      </c>
      <c r="G16" s="45" t="s">
        <v>132</v>
      </c>
      <c r="H16" s="45" t="s">
        <v>133</v>
      </c>
      <c r="I16" s="30" t="s">
        <v>134</v>
      </c>
      <c r="J16" s="31" t="s">
        <v>135</v>
      </c>
      <c r="K16" s="33" t="s">
        <v>136</v>
      </c>
      <c r="L16" s="33" t="s">
        <v>50</v>
      </c>
      <c r="M16" s="16" t="s">
        <v>137</v>
      </c>
    </row>
    <row r="17" spans="2:13" ht="255.75" customHeight="1" x14ac:dyDescent="0.3">
      <c r="B17" s="93">
        <v>7</v>
      </c>
      <c r="C17" s="90" t="s">
        <v>138</v>
      </c>
      <c r="D17" s="33" t="s">
        <v>139</v>
      </c>
      <c r="E17" s="15" t="s">
        <v>140</v>
      </c>
      <c r="F17" s="85" t="s">
        <v>141</v>
      </c>
      <c r="G17" s="18" t="s">
        <v>142</v>
      </c>
      <c r="H17" s="18" t="s">
        <v>143</v>
      </c>
      <c r="I17" s="30" t="s">
        <v>67</v>
      </c>
      <c r="J17" s="84" t="s">
        <v>144</v>
      </c>
      <c r="K17" s="33" t="s">
        <v>145</v>
      </c>
      <c r="L17" s="33" t="s">
        <v>50</v>
      </c>
      <c r="M17" s="16" t="s">
        <v>146</v>
      </c>
    </row>
    <row r="18" spans="2:13" ht="111.75" customHeight="1" x14ac:dyDescent="0.3">
      <c r="B18" s="93"/>
      <c r="C18" s="90"/>
      <c r="D18" s="33" t="s">
        <v>147</v>
      </c>
      <c r="E18" s="15" t="s">
        <v>148</v>
      </c>
      <c r="F18" s="85"/>
      <c r="G18" s="18" t="s">
        <v>149</v>
      </c>
      <c r="H18" s="18" t="s">
        <v>150</v>
      </c>
      <c r="I18" s="30" t="s">
        <v>67</v>
      </c>
      <c r="J18" s="84"/>
      <c r="K18" s="33" t="s">
        <v>151</v>
      </c>
      <c r="L18" s="33" t="s">
        <v>50</v>
      </c>
      <c r="M18" s="16" t="s">
        <v>152</v>
      </c>
    </row>
    <row r="19" spans="2:13" ht="199.5" customHeight="1" x14ac:dyDescent="0.3">
      <c r="B19" s="86">
        <v>8</v>
      </c>
      <c r="C19" s="94" t="s">
        <v>153</v>
      </c>
      <c r="D19" s="31" t="s">
        <v>154</v>
      </c>
      <c r="E19" s="26" t="s">
        <v>155</v>
      </c>
      <c r="F19" s="44" t="s">
        <v>156</v>
      </c>
      <c r="G19" s="44" t="s">
        <v>157</v>
      </c>
      <c r="H19" s="31" t="s">
        <v>158</v>
      </c>
      <c r="I19" s="31" t="s">
        <v>159</v>
      </c>
      <c r="J19" s="31" t="s">
        <v>160</v>
      </c>
      <c r="K19" s="30" t="s">
        <v>161</v>
      </c>
      <c r="L19" s="33" t="s">
        <v>162</v>
      </c>
      <c r="M19" s="26" t="s">
        <v>163</v>
      </c>
    </row>
    <row r="20" spans="2:13" ht="278.25" customHeight="1" x14ac:dyDescent="0.3">
      <c r="B20" s="86"/>
      <c r="C20" s="94"/>
      <c r="D20" s="31" t="s">
        <v>164</v>
      </c>
      <c r="E20" s="47" t="s">
        <v>165</v>
      </c>
      <c r="F20" s="30" t="s">
        <v>166</v>
      </c>
      <c r="G20" s="30" t="s">
        <v>167</v>
      </c>
      <c r="H20" s="5" t="s">
        <v>168</v>
      </c>
      <c r="I20" s="31" t="s">
        <v>169</v>
      </c>
      <c r="J20" s="31" t="s">
        <v>135</v>
      </c>
      <c r="K20" s="30" t="s">
        <v>170</v>
      </c>
      <c r="L20" s="30" t="s">
        <v>171</v>
      </c>
      <c r="M20" s="31" t="s">
        <v>172</v>
      </c>
    </row>
    <row r="21" spans="2:13" ht="267.75" customHeight="1" x14ac:dyDescent="0.3">
      <c r="B21" s="86"/>
      <c r="C21" s="94"/>
      <c r="D21" s="8" t="s">
        <v>173</v>
      </c>
      <c r="E21" s="19" t="s">
        <v>174</v>
      </c>
      <c r="F21" s="10" t="s">
        <v>175</v>
      </c>
      <c r="G21" s="8" t="s">
        <v>176</v>
      </c>
      <c r="H21" s="8" t="s">
        <v>177</v>
      </c>
      <c r="I21" s="10" t="s">
        <v>178</v>
      </c>
      <c r="J21" s="8" t="s">
        <v>160</v>
      </c>
      <c r="K21" s="10" t="s">
        <v>161</v>
      </c>
      <c r="L21" s="10" t="s">
        <v>171</v>
      </c>
      <c r="M21" s="20" t="s">
        <v>179</v>
      </c>
    </row>
    <row r="22" spans="2:13" ht="330" customHeight="1" x14ac:dyDescent="0.3">
      <c r="B22" s="86"/>
      <c r="C22" s="94"/>
      <c r="D22" s="21" t="s">
        <v>180</v>
      </c>
      <c r="E22" s="22" t="s">
        <v>181</v>
      </c>
      <c r="F22" s="23" t="s">
        <v>182</v>
      </c>
      <c r="G22" s="23" t="s">
        <v>183</v>
      </c>
      <c r="H22" s="21" t="s">
        <v>184</v>
      </c>
      <c r="I22" s="21" t="s">
        <v>185</v>
      </c>
      <c r="J22" s="21" t="s">
        <v>160</v>
      </c>
      <c r="K22" s="23" t="s">
        <v>161</v>
      </c>
      <c r="L22" s="23" t="s">
        <v>162</v>
      </c>
      <c r="M22" s="27" t="s">
        <v>186</v>
      </c>
    </row>
    <row r="23" spans="2:13" s="28" customFormat="1" ht="161.25" customHeight="1" x14ac:dyDescent="0.3">
      <c r="B23" s="86">
        <v>9</v>
      </c>
      <c r="C23" s="91" t="s">
        <v>187</v>
      </c>
      <c r="D23" s="10" t="s">
        <v>188</v>
      </c>
      <c r="E23" s="51" t="s">
        <v>189</v>
      </c>
      <c r="F23" s="10" t="s">
        <v>190</v>
      </c>
      <c r="G23" s="10" t="s">
        <v>47</v>
      </c>
      <c r="H23" s="10" t="s">
        <v>47</v>
      </c>
      <c r="I23" s="10" t="s">
        <v>191</v>
      </c>
      <c r="J23" s="10" t="s">
        <v>47</v>
      </c>
      <c r="K23" s="10" t="s">
        <v>192</v>
      </c>
      <c r="L23" s="10" t="s">
        <v>50</v>
      </c>
      <c r="M23" s="10" t="s">
        <v>193</v>
      </c>
    </row>
    <row r="24" spans="2:13" ht="240.75" customHeight="1" x14ac:dyDescent="0.3">
      <c r="B24" s="86"/>
      <c r="C24" s="91"/>
      <c r="D24" s="31" t="s">
        <v>194</v>
      </c>
      <c r="E24" s="47" t="s">
        <v>326</v>
      </c>
      <c r="F24" s="30" t="s">
        <v>195</v>
      </c>
      <c r="G24" s="24" t="s">
        <v>196</v>
      </c>
      <c r="H24" s="25" t="s">
        <v>197</v>
      </c>
      <c r="I24" s="31" t="s">
        <v>198</v>
      </c>
      <c r="J24" s="31" t="s">
        <v>135</v>
      </c>
      <c r="K24" s="30" t="s">
        <v>199</v>
      </c>
      <c r="L24" s="30" t="s">
        <v>171</v>
      </c>
      <c r="M24" s="30" t="s">
        <v>200</v>
      </c>
    </row>
    <row r="25" spans="2:13" ht="192.75" customHeight="1" x14ac:dyDescent="0.3">
      <c r="B25" s="86"/>
      <c r="C25" s="91"/>
      <c r="D25" s="31" t="s">
        <v>201</v>
      </c>
      <c r="E25" s="34" t="s">
        <v>202</v>
      </c>
      <c r="F25" s="30" t="s">
        <v>203</v>
      </c>
      <c r="G25" s="30" t="s">
        <v>204</v>
      </c>
      <c r="H25" s="25" t="s">
        <v>205</v>
      </c>
      <c r="I25" s="31" t="s">
        <v>206</v>
      </c>
      <c r="J25" s="31" t="s">
        <v>135</v>
      </c>
      <c r="K25" s="30" t="s">
        <v>207</v>
      </c>
      <c r="L25" s="30" t="s">
        <v>162</v>
      </c>
      <c r="M25" s="30" t="s">
        <v>208</v>
      </c>
    </row>
    <row r="26" spans="2:13" ht="306.75" customHeight="1" x14ac:dyDescent="0.3">
      <c r="B26" s="86"/>
      <c r="C26" s="91"/>
      <c r="D26" s="31" t="s">
        <v>209</v>
      </c>
      <c r="E26" s="47" t="s">
        <v>210</v>
      </c>
      <c r="F26" s="30" t="s">
        <v>211</v>
      </c>
      <c r="G26" s="30" t="s">
        <v>212</v>
      </c>
      <c r="H26" s="30" t="s">
        <v>213</v>
      </c>
      <c r="I26" s="31" t="s">
        <v>214</v>
      </c>
      <c r="J26" s="31" t="s">
        <v>135</v>
      </c>
      <c r="K26" s="30" t="s">
        <v>215</v>
      </c>
      <c r="L26" s="30" t="s">
        <v>162</v>
      </c>
      <c r="M26" s="30" t="s">
        <v>216</v>
      </c>
    </row>
    <row r="27" spans="2:13" ht="123.75" customHeight="1" x14ac:dyDescent="0.3">
      <c r="B27" s="86"/>
      <c r="C27" s="91"/>
      <c r="D27" s="31" t="s">
        <v>217</v>
      </c>
      <c r="E27" s="34" t="s">
        <v>218</v>
      </c>
      <c r="F27" s="30" t="s">
        <v>219</v>
      </c>
      <c r="G27" s="35" t="s">
        <v>220</v>
      </c>
      <c r="H27" s="30" t="s">
        <v>221</v>
      </c>
      <c r="I27" s="31" t="s">
        <v>222</v>
      </c>
      <c r="J27" s="31" t="s">
        <v>135</v>
      </c>
      <c r="K27" s="30" t="s">
        <v>223</v>
      </c>
      <c r="L27" s="30" t="s">
        <v>171</v>
      </c>
      <c r="M27" s="31" t="s">
        <v>224</v>
      </c>
    </row>
    <row r="28" spans="2:13" ht="107.25" customHeight="1" x14ac:dyDescent="0.3">
      <c r="B28" s="86"/>
      <c r="C28" s="91"/>
      <c r="D28" s="31" t="s">
        <v>225</v>
      </c>
      <c r="E28" s="13" t="s">
        <v>226</v>
      </c>
      <c r="F28" s="30" t="s">
        <v>227</v>
      </c>
      <c r="G28" s="31" t="s">
        <v>228</v>
      </c>
      <c r="H28" s="30" t="s">
        <v>229</v>
      </c>
      <c r="I28" s="31" t="s">
        <v>230</v>
      </c>
      <c r="J28" s="31" t="s">
        <v>135</v>
      </c>
      <c r="K28" s="30" t="s">
        <v>231</v>
      </c>
      <c r="L28" s="30" t="s">
        <v>162</v>
      </c>
      <c r="M28" s="31" t="s">
        <v>232</v>
      </c>
    </row>
  </sheetData>
  <sheetProtection algorithmName="SHA-512" hashValue="dtXgpTjhvyKHKnbXObY2V7Z5Eb1Ql55Ld/ExsRk2ae+qo7Y2+FkqPo/FN6abqLNCvCuaifPQkMlo55z6LQUvtw==" saltValue="CaaeWqFOJKX6GbRk51RioQ==" spinCount="100000" sheet="1" objects="1" scenarios="1" formatCells="0" formatColumns="0" formatRows="0" insertColumns="0" insertRows="0"/>
  <mergeCells count="21">
    <mergeCell ref="M8:M9"/>
    <mergeCell ref="D8:D9"/>
    <mergeCell ref="J8:J9"/>
    <mergeCell ref="J14:J15"/>
    <mergeCell ref="E8:E9"/>
    <mergeCell ref="F14:F15"/>
    <mergeCell ref="J17:J18"/>
    <mergeCell ref="F8:F9"/>
    <mergeCell ref="F17:F18"/>
    <mergeCell ref="B23:B28"/>
    <mergeCell ref="C7:C10"/>
    <mergeCell ref="C12:C13"/>
    <mergeCell ref="C14:C15"/>
    <mergeCell ref="C17:C18"/>
    <mergeCell ref="C23:C28"/>
    <mergeCell ref="B7:B10"/>
    <mergeCell ref="B12:B13"/>
    <mergeCell ref="B14:B15"/>
    <mergeCell ref="B17:B18"/>
    <mergeCell ref="B19:B22"/>
    <mergeCell ref="C19:C22"/>
  </mergeCells>
  <conditionalFormatting sqref="K4">
    <cfRule type="containsText" dxfId="7" priority="3" operator="containsText" text="Nee">
      <formula>NOT(ISERROR(SEARCH("Nee",K4)))</formula>
    </cfRule>
    <cfRule type="containsText" dxfId="6" priority="4" operator="containsText" text="Ja">
      <formula>NOT(ISERROR(SEARCH("Ja",K4)))</formula>
    </cfRule>
  </conditionalFormatting>
  <conditionalFormatting sqref="L4">
    <cfRule type="containsText" dxfId="5" priority="1" operator="containsText" text="Nee">
      <formula>NOT(ISERROR(SEARCH("Nee",L4)))</formula>
    </cfRule>
    <cfRule type="containsText" dxfId="4" priority="2" operator="containsText" text="Ja">
      <formula>NOT(ISERROR(SEARCH("Ja",L4)))</formula>
    </cfRule>
  </conditionalFormatting>
  <hyperlinks>
    <hyperlink ref="K5" r:id="rId1" xr:uid="{0462341A-7087-4F27-B2AB-A832D1BA7E10}"/>
  </hyperlinks>
  <pageMargins left="0.70866141732283472" right="0.70866141732283472" top="0.74803149606299213" bottom="0.74803149606299213" header="0.31496062992125984" footer="0.31496062992125984"/>
  <pageSetup paperSize="9" fitToWidth="0" orientation="portrait" r:id="rId2"/>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641FEC7-840D-4883-A065-2A49E5845C85}">
  <dimension ref="B2:F33"/>
  <sheetViews>
    <sheetView showGridLines="0" topLeftCell="A17" workbookViewId="0">
      <selection activeCell="A24" sqref="A1:XFD1048576"/>
    </sheetView>
  </sheetViews>
  <sheetFormatPr defaultRowHeight="14.4" x14ac:dyDescent="0.3"/>
  <cols>
    <col min="2" max="2" width="4.88671875" customWidth="1"/>
    <col min="3" max="3" width="65" style="6" customWidth="1"/>
    <col min="4" max="4" width="82.6640625" customWidth="1"/>
  </cols>
  <sheetData>
    <row r="2" spans="2:6" ht="23.4" x14ac:dyDescent="0.3">
      <c r="B2" s="74" t="s">
        <v>233</v>
      </c>
      <c r="C2" s="74"/>
      <c r="D2" s="74"/>
      <c r="E2" s="54"/>
      <c r="F2" s="54"/>
    </row>
    <row r="3" spans="2:6" ht="15" thickBot="1" x14ac:dyDescent="0.35">
      <c r="B3" s="6"/>
      <c r="D3" s="6"/>
    </row>
    <row r="4" spans="2:6" ht="15.6" x14ac:dyDescent="0.3">
      <c r="B4" s="58" t="s">
        <v>234</v>
      </c>
      <c r="C4" s="59" t="s">
        <v>235</v>
      </c>
      <c r="D4" s="60" t="s">
        <v>236</v>
      </c>
    </row>
    <row r="5" spans="2:6" x14ac:dyDescent="0.3">
      <c r="B5" s="55" t="s">
        <v>14</v>
      </c>
      <c r="C5" s="30" t="s">
        <v>237</v>
      </c>
      <c r="D5" s="61" t="s">
        <v>238</v>
      </c>
    </row>
    <row r="6" spans="2:6" x14ac:dyDescent="0.3">
      <c r="B6" s="55" t="s">
        <v>18</v>
      </c>
      <c r="C6" s="31" t="s">
        <v>239</v>
      </c>
      <c r="D6" s="62" t="s">
        <v>238</v>
      </c>
    </row>
    <row r="7" spans="2:6" ht="72" x14ac:dyDescent="0.3">
      <c r="B7" s="55" t="s">
        <v>22</v>
      </c>
      <c r="C7" s="31" t="s">
        <v>240</v>
      </c>
      <c r="D7" s="62" t="s">
        <v>241</v>
      </c>
    </row>
    <row r="8" spans="2:6" ht="72" x14ac:dyDescent="0.3">
      <c r="B8" s="55" t="s">
        <v>26</v>
      </c>
      <c r="C8" s="31" t="s">
        <v>242</v>
      </c>
      <c r="D8" s="62" t="s">
        <v>243</v>
      </c>
    </row>
    <row r="9" spans="2:6" ht="72" x14ac:dyDescent="0.3">
      <c r="B9" s="55" t="s">
        <v>30</v>
      </c>
      <c r="C9" s="31" t="s">
        <v>244</v>
      </c>
      <c r="D9" s="62" t="s">
        <v>245</v>
      </c>
    </row>
    <row r="10" spans="2:6" ht="72" x14ac:dyDescent="0.3">
      <c r="B10" s="55" t="s">
        <v>32</v>
      </c>
      <c r="C10" s="31" t="s">
        <v>246</v>
      </c>
      <c r="D10" s="62" t="s">
        <v>247</v>
      </c>
    </row>
    <row r="11" spans="2:6" x14ac:dyDescent="0.3">
      <c r="B11" s="55" t="s">
        <v>34</v>
      </c>
      <c r="C11" s="31" t="s">
        <v>248</v>
      </c>
      <c r="D11" s="62" t="s">
        <v>249</v>
      </c>
    </row>
    <row r="12" spans="2:6" ht="302.39999999999998" x14ac:dyDescent="0.3">
      <c r="B12" s="55" t="s">
        <v>250</v>
      </c>
      <c r="C12" s="31" t="s">
        <v>251</v>
      </c>
      <c r="D12" s="62" t="s">
        <v>252</v>
      </c>
    </row>
    <row r="13" spans="2:6" ht="28.8" x14ac:dyDescent="0.3">
      <c r="B13" s="55" t="s">
        <v>253</v>
      </c>
      <c r="C13" s="31" t="s">
        <v>254</v>
      </c>
      <c r="D13" s="62" t="s">
        <v>255</v>
      </c>
    </row>
    <row r="14" spans="2:6" x14ac:dyDescent="0.3">
      <c r="B14" s="55" t="s">
        <v>256</v>
      </c>
      <c r="C14" s="31" t="s">
        <v>257</v>
      </c>
      <c r="D14" s="62" t="s">
        <v>258</v>
      </c>
    </row>
    <row r="15" spans="2:6" ht="28.8" x14ac:dyDescent="0.3">
      <c r="B15" s="55" t="s">
        <v>259</v>
      </c>
      <c r="C15" s="31" t="s">
        <v>260</v>
      </c>
      <c r="D15" s="62" t="s">
        <v>261</v>
      </c>
    </row>
    <row r="16" spans="2:6" ht="28.8" x14ac:dyDescent="0.3">
      <c r="B16" s="55" t="s">
        <v>262</v>
      </c>
      <c r="C16" s="31" t="s">
        <v>263</v>
      </c>
      <c r="D16" s="62" t="s">
        <v>264</v>
      </c>
    </row>
    <row r="17" spans="2:4" ht="158.4" x14ac:dyDescent="0.3">
      <c r="B17" s="55" t="s">
        <v>265</v>
      </c>
      <c r="C17" s="31" t="s">
        <v>266</v>
      </c>
      <c r="D17" s="62" t="s">
        <v>267</v>
      </c>
    </row>
    <row r="18" spans="2:4" ht="144" x14ac:dyDescent="0.3">
      <c r="B18" s="55" t="s">
        <v>268</v>
      </c>
      <c r="C18" s="31" t="s">
        <v>269</v>
      </c>
      <c r="D18" s="62" t="s">
        <v>270</v>
      </c>
    </row>
    <row r="19" spans="2:4" ht="43.2" x14ac:dyDescent="0.3">
      <c r="B19" s="55" t="s">
        <v>271</v>
      </c>
      <c r="C19" s="31" t="s">
        <v>272</v>
      </c>
      <c r="D19" s="62" t="s">
        <v>273</v>
      </c>
    </row>
    <row r="20" spans="2:4" ht="28.8" x14ac:dyDescent="0.3">
      <c r="B20" s="55" t="s">
        <v>274</v>
      </c>
      <c r="C20" s="31" t="s">
        <v>275</v>
      </c>
      <c r="D20" s="62" t="s">
        <v>276</v>
      </c>
    </row>
    <row r="21" spans="2:4" ht="86.4" x14ac:dyDescent="0.3">
      <c r="B21" s="55" t="s">
        <v>277</v>
      </c>
      <c r="C21" s="31" t="s">
        <v>278</v>
      </c>
      <c r="D21" s="62" t="s">
        <v>279</v>
      </c>
    </row>
    <row r="22" spans="2:4" ht="28.8" x14ac:dyDescent="0.3">
      <c r="B22" s="55" t="s">
        <v>280</v>
      </c>
      <c r="C22" s="31" t="s">
        <v>281</v>
      </c>
      <c r="D22" s="62" t="s">
        <v>282</v>
      </c>
    </row>
    <row r="23" spans="2:4" ht="72" x14ac:dyDescent="0.3">
      <c r="B23" s="55" t="s">
        <v>283</v>
      </c>
      <c r="C23" s="31" t="s">
        <v>284</v>
      </c>
      <c r="D23" s="62" t="s">
        <v>285</v>
      </c>
    </row>
    <row r="24" spans="2:4" ht="158.4" x14ac:dyDescent="0.3">
      <c r="B24" s="55" t="s">
        <v>286</v>
      </c>
      <c r="C24" s="31" t="s">
        <v>287</v>
      </c>
      <c r="D24" s="62" t="s">
        <v>288</v>
      </c>
    </row>
    <row r="25" spans="2:4" ht="115.2" x14ac:dyDescent="0.3">
      <c r="B25" s="55" t="s">
        <v>289</v>
      </c>
      <c r="C25" s="31" t="s">
        <v>290</v>
      </c>
      <c r="D25" s="62" t="s">
        <v>291</v>
      </c>
    </row>
    <row r="26" spans="2:4" ht="115.2" x14ac:dyDescent="0.3">
      <c r="B26" s="55" t="s">
        <v>292</v>
      </c>
      <c r="C26" s="31" t="s">
        <v>293</v>
      </c>
      <c r="D26" s="62" t="s">
        <v>294</v>
      </c>
    </row>
    <row r="27" spans="2:4" ht="129.6" x14ac:dyDescent="0.3">
      <c r="B27" s="55" t="s">
        <v>295</v>
      </c>
      <c r="C27" s="31" t="s">
        <v>296</v>
      </c>
      <c r="D27" s="62" t="s">
        <v>297</v>
      </c>
    </row>
    <row r="28" spans="2:4" ht="43.2" x14ac:dyDescent="0.3">
      <c r="B28" s="55" t="s">
        <v>298</v>
      </c>
      <c r="C28" s="31" t="s">
        <v>299</v>
      </c>
      <c r="D28" s="62" t="s">
        <v>300</v>
      </c>
    </row>
    <row r="29" spans="2:4" ht="201.6" x14ac:dyDescent="0.3">
      <c r="B29" s="55" t="s">
        <v>301</v>
      </c>
      <c r="C29" s="31" t="s">
        <v>302</v>
      </c>
      <c r="D29" s="62" t="s">
        <v>303</v>
      </c>
    </row>
    <row r="30" spans="2:4" ht="129.6" x14ac:dyDescent="0.3">
      <c r="B30" s="55" t="s">
        <v>304</v>
      </c>
      <c r="C30" s="31" t="s">
        <v>305</v>
      </c>
      <c r="D30" s="62" t="s">
        <v>306</v>
      </c>
    </row>
    <row r="31" spans="2:4" ht="144" x14ac:dyDescent="0.3">
      <c r="B31" s="55" t="s">
        <v>307</v>
      </c>
      <c r="C31" s="31" t="s">
        <v>308</v>
      </c>
      <c r="D31" s="62" t="s">
        <v>309</v>
      </c>
    </row>
    <row r="32" spans="2:4" ht="43.8" thickBot="1" x14ac:dyDescent="0.35">
      <c r="B32" s="56" t="s">
        <v>310</v>
      </c>
      <c r="C32" s="57" t="s">
        <v>311</v>
      </c>
      <c r="D32" s="63" t="s">
        <v>312</v>
      </c>
    </row>
    <row r="33" spans="2:4" x14ac:dyDescent="0.3">
      <c r="B33" s="6"/>
      <c r="D33" s="6"/>
    </row>
  </sheetData>
  <sheetProtection algorithmName="SHA-512" hashValue="/h4prLciCtdw+yaYjeEYnSBDpYoxDRgVOFaS0vRVRNItpzDe4cS//9TOMtC2SXTW7l2Z8h7/cMPyJ2Si/RUZwg==" saltValue="tAZDUASLI6ZElFxnw/M5ow==" spinCount="100000" sheet="1" objects="1" scenarios="1" formatCells="0" formatColumns="0" formatRows="0" insertColumns="0" insertRows="0"/>
  <autoFilter ref="B4:B32" xr:uid="{5641FEC7-840D-4883-A065-2A49E5845C85}"/>
  <mergeCells count="1">
    <mergeCell ref="B2:D2"/>
  </mergeCells>
  <pageMargins left="0.7" right="0.7" top="0.75" bottom="0.75" header="0.3" footer="0.3"/>
  <tableParts count="1">
    <tablePart r:id="rId1"/>
  </tableParts>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380ECE1-1E13-4077-9046-381438B889E8}">
  <dimension ref="B2:S8"/>
  <sheetViews>
    <sheetView showGridLines="0" workbookViewId="0">
      <selection sqref="A1:XFD1048576"/>
    </sheetView>
  </sheetViews>
  <sheetFormatPr defaultRowHeight="14.4" x14ac:dyDescent="0.3"/>
  <cols>
    <col min="1" max="1" width="3.88671875" customWidth="1"/>
    <col min="6" max="6" width="2.5546875" customWidth="1"/>
    <col min="9" max="9" width="11.44140625" customWidth="1"/>
    <col min="10" max="10" width="7.33203125" customWidth="1"/>
  </cols>
  <sheetData>
    <row r="2" spans="2:19" ht="21" x14ac:dyDescent="0.4">
      <c r="B2" s="97" t="s">
        <v>313</v>
      </c>
      <c r="C2" s="97"/>
      <c r="D2" s="97"/>
      <c r="E2" s="97"/>
      <c r="F2" s="97"/>
      <c r="G2" s="97"/>
      <c r="H2" s="97"/>
      <c r="I2" s="97"/>
      <c r="J2" s="97"/>
      <c r="K2" s="97"/>
      <c r="L2" s="97"/>
      <c r="M2" s="97"/>
      <c r="N2" s="97"/>
      <c r="O2" s="97"/>
      <c r="P2" s="97"/>
      <c r="Q2" s="97"/>
      <c r="R2" s="97"/>
      <c r="S2" s="97"/>
    </row>
    <row r="4" spans="2:19" ht="409.5" customHeight="1" x14ac:dyDescent="0.3">
      <c r="B4" s="83" t="s">
        <v>314</v>
      </c>
      <c r="C4" s="83"/>
      <c r="D4" s="83"/>
      <c r="E4" s="83"/>
      <c r="F4" s="83"/>
      <c r="G4" s="83"/>
      <c r="H4" s="83"/>
      <c r="I4" s="83"/>
      <c r="J4" s="4"/>
    </row>
    <row r="8" spans="2:19" x14ac:dyDescent="0.3">
      <c r="B8" s="3" t="s">
        <v>315</v>
      </c>
    </row>
  </sheetData>
  <sheetProtection algorithmName="SHA-512" hashValue="EqQVkITguqhE9BJHd5vkTPCzw3nfWRbHdIYN04mmgr2f98+9GCCdscXXKOMvPIlxukUfR4GNlmkG+n+sMaq3RQ==" saltValue="zh5XvOze17E49f5BvLcNyQ==" spinCount="100000" sheet="1" objects="1" scenarios="1" formatCells="0" formatColumns="0" formatRows="0" insertColumns="0" insertRows="0"/>
  <mergeCells count="2">
    <mergeCell ref="B4:I4"/>
    <mergeCell ref="B2:S2"/>
  </mergeCells>
  <hyperlinks>
    <hyperlink ref="B8" r:id="rId1" xr:uid="{65F7805E-3DD0-4CF2-9534-4FDEBBD65210}"/>
  </hyperlinks>
  <pageMargins left="0.7" right="0.7" top="0.75" bottom="0.75" header="0.3" footer="0.3"/>
  <pageSetup paperSize="9" orientation="portrait" r:id="rId2"/>
  <drawing r:id="rId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C16484AFE50E7849B773C75DF0AB52C1" ma:contentTypeVersion="9" ma:contentTypeDescription="Create a new document." ma:contentTypeScope="" ma:versionID="cde10dc949c2dc9e73d36829ba46dc04">
  <xsd:schema xmlns:xsd="http://www.w3.org/2001/XMLSchema" xmlns:xs="http://www.w3.org/2001/XMLSchema" xmlns:p="http://schemas.microsoft.com/office/2006/metadata/properties" xmlns:ns2="4d9b8c7f-b5f4-4cb7-9ac2-984de39f7961" xmlns:ns3="7ee5e30c-e481-440a-93c8-aa9fa6cd6b8a" targetNamespace="http://schemas.microsoft.com/office/2006/metadata/properties" ma:root="true" ma:fieldsID="3cb195d7f7e66e58177ac7858829db0f" ns2:_="" ns3:_="">
    <xsd:import namespace="4d9b8c7f-b5f4-4cb7-9ac2-984de39f7961"/>
    <xsd:import namespace="7ee5e30c-e481-440a-93c8-aa9fa6cd6b8a"/>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d9b8c7f-b5f4-4cb7-9ac2-984de39f796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5853b5a6-daf0-49bf-ad18-478e21a2c10d"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ee5e30c-e481-440a-93c8-aa9fa6cd6b8a"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transformationConfigurations":[],"templateName":"blankspreadsheet","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4d9b8c7f-b5f4-4cb7-9ac2-984de39f7961">
      <Terms xmlns="http://schemas.microsoft.com/office/infopath/2007/PartnerControls"/>
    </lcf76f155ced4ddcb4097134ff3c332f>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776F537D-3D25-4D52-823E-77E038572AB6}"/>
</file>

<file path=customXml/itemProps2.xml><?xml version="1.0" encoding="utf-8"?>
<ds:datastoreItem xmlns:ds="http://schemas.openxmlformats.org/officeDocument/2006/customXml" ds:itemID="{F032F77F-47F3-4AE0-B380-3F7267547819}">
  <ds:schemaRefs/>
</ds:datastoreItem>
</file>

<file path=customXml/itemProps3.xml><?xml version="1.0" encoding="utf-8"?>
<ds:datastoreItem xmlns:ds="http://schemas.openxmlformats.org/officeDocument/2006/customXml" ds:itemID="{0DDF81D2-BAF7-4DDF-9BD0-696F48185F44}">
  <ds:schemaRefs/>
</ds:datastoreItem>
</file>

<file path=customXml/itemProps4.xml><?xml version="1.0" encoding="utf-8"?>
<ds:datastoreItem xmlns:ds="http://schemas.openxmlformats.org/officeDocument/2006/customXml" ds:itemID="{9A4BC864-48B2-48FB-999A-90F3B39268BD}">
  <ds:schemaRefs>
    <ds:schemaRef ds:uri="http://schemas.microsoft.com/office/2006/documentManagement/types"/>
    <ds:schemaRef ds:uri="http://www.w3.org/XML/1998/namespace"/>
    <ds:schemaRef ds:uri="http://schemas.openxmlformats.org/package/2006/metadata/core-properties"/>
    <ds:schemaRef ds:uri="http://schemas.microsoft.com/office/infopath/2007/PartnerControls"/>
    <ds:schemaRef ds:uri="7ee5e30c-e481-440a-93c8-aa9fa6cd6b8a"/>
    <ds:schemaRef ds:uri="http://purl.org/dc/elements/1.1/"/>
    <ds:schemaRef ds:uri="4d9b8c7f-b5f4-4cb7-9ac2-984de39f7961"/>
    <ds:schemaRef ds:uri="http://purl.org/dc/terms/"/>
    <ds:schemaRef ds:uri="http://schemas.microsoft.com/office/2006/metadata/properties"/>
    <ds:schemaRef ds:uri="http://purl.org/dc/dcmitype/"/>
  </ds:schemaRefs>
</ds:datastoreItem>
</file>

<file path=customXml/itemProps5.xml><?xml version="1.0" encoding="utf-8"?>
<ds:datastoreItem xmlns:ds="http://schemas.openxmlformats.org/officeDocument/2006/customXml" ds:itemID="{6E78BCBB-D573-4F94-A3C8-DEFEC9857467}">
  <ds:schemaRefs>
    <ds:schemaRef ds:uri="http://schemas.microsoft.com/sharepoint/v3/contenttype/forms"/>
  </ds:schemaRefs>
</ds:datastoreItem>
</file>

<file path=docMetadata/LabelInfo.xml><?xml version="1.0" encoding="utf-8"?>
<clbl:labelList xmlns:clbl="http://schemas.microsoft.com/office/2020/mipLabelMetadata">
  <clbl:label id="{6d733e0b-9fb1-4d0e-ac8e-72044179c3b3}" enabled="1" method="Standard" siteId="{458c4725-6f38-4ae7-8aff-204c3d056d9e}"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erkbladen</vt:lpstr>
      </vt:variant>
      <vt:variant>
        <vt:i4>5</vt:i4>
      </vt:variant>
    </vt:vector>
  </HeadingPairs>
  <TitlesOfParts>
    <vt:vector size="5" baseType="lpstr">
      <vt:lpstr>Versiebeheer</vt:lpstr>
      <vt:lpstr>Uitgangpunten</vt:lpstr>
      <vt:lpstr>Toetsingscriteria v 1.1</vt:lpstr>
      <vt:lpstr>Lijst mogelijke bewijsstukken</vt:lpstr>
      <vt:lpstr>Grondplaat Eenheid van Taal</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uhulima, Maudy</dc:creator>
  <cp:keywords/>
  <dc:description/>
  <cp:lastModifiedBy>Lisa Elderhorst</cp:lastModifiedBy>
  <cp:revision/>
  <cp:lastPrinted>2023-01-16T19:41:34Z</cp:lastPrinted>
  <dcterms:created xsi:type="dcterms:W3CDTF">2022-10-12T10:27:58Z</dcterms:created>
  <dcterms:modified xsi:type="dcterms:W3CDTF">2023-02-14T15:14:31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eloittenl</vt:lpwstr>
  </property>
  <property fmtid="{D5CDD505-2E9C-101B-9397-08002B2CF9AE}" pid="3" name="TemplafyTemplateId">
    <vt:lpwstr>637883018182981907</vt:lpwstr>
  </property>
  <property fmtid="{D5CDD505-2E9C-101B-9397-08002B2CF9AE}" pid="4" name="TemplafyUserProfileId">
    <vt:lpwstr>637883103330679629</vt:lpwstr>
  </property>
  <property fmtid="{D5CDD505-2E9C-101B-9397-08002B2CF9AE}" pid="5" name="TemplafyFromBlank">
    <vt:bool>true</vt:bool>
  </property>
  <property fmtid="{D5CDD505-2E9C-101B-9397-08002B2CF9AE}" pid="6" name="MSIP_Label_ea60d57e-af5b-4752-ac57-3e4f28ca11dc_Enabled">
    <vt:lpwstr>true</vt:lpwstr>
  </property>
  <property fmtid="{D5CDD505-2E9C-101B-9397-08002B2CF9AE}" pid="7" name="MSIP_Label_ea60d57e-af5b-4752-ac57-3e4f28ca11dc_SetDate">
    <vt:lpwstr>2022-10-13T06:48:34Z</vt:lpwstr>
  </property>
  <property fmtid="{D5CDD505-2E9C-101B-9397-08002B2CF9AE}" pid="8" name="MSIP_Label_ea60d57e-af5b-4752-ac57-3e4f28ca11dc_Method">
    <vt:lpwstr>Standard</vt:lpwstr>
  </property>
  <property fmtid="{D5CDD505-2E9C-101B-9397-08002B2CF9AE}" pid="9" name="MSIP_Label_ea60d57e-af5b-4752-ac57-3e4f28ca11dc_Name">
    <vt:lpwstr>ea60d57e-af5b-4752-ac57-3e4f28ca11dc</vt:lpwstr>
  </property>
  <property fmtid="{D5CDD505-2E9C-101B-9397-08002B2CF9AE}" pid="10" name="MSIP_Label_ea60d57e-af5b-4752-ac57-3e4f28ca11dc_SiteId">
    <vt:lpwstr>36da45f1-dd2c-4d1f-af13-5abe46b99921</vt:lpwstr>
  </property>
  <property fmtid="{D5CDD505-2E9C-101B-9397-08002B2CF9AE}" pid="11" name="MSIP_Label_ea60d57e-af5b-4752-ac57-3e4f28ca11dc_ActionId">
    <vt:lpwstr>fe93b2cf-5009-42b5-a219-7c62bb9f89b5</vt:lpwstr>
  </property>
  <property fmtid="{D5CDD505-2E9C-101B-9397-08002B2CF9AE}" pid="12" name="MSIP_Label_ea60d57e-af5b-4752-ac57-3e4f28ca11dc_ContentBits">
    <vt:lpwstr>0</vt:lpwstr>
  </property>
  <property fmtid="{D5CDD505-2E9C-101B-9397-08002B2CF9AE}" pid="13" name="ContentTypeId">
    <vt:lpwstr>0x010100C16484AFE50E7849B773C75DF0AB52C1</vt:lpwstr>
  </property>
  <property fmtid="{D5CDD505-2E9C-101B-9397-08002B2CF9AE}" pid="14" name="MediaServiceImageTags">
    <vt:lpwstr/>
  </property>
  <property fmtid="{D5CDD505-2E9C-101B-9397-08002B2CF9AE}" pid="15" name="Order">
    <vt:r8>164000</vt:r8>
  </property>
  <property fmtid="{D5CDD505-2E9C-101B-9397-08002B2CF9AE}" pid="16" name="xd_Signature">
    <vt:bool>false</vt:bool>
  </property>
  <property fmtid="{D5CDD505-2E9C-101B-9397-08002B2CF9AE}" pid="17" name="xd_ProgID">
    <vt:lpwstr/>
  </property>
  <property fmtid="{D5CDD505-2E9C-101B-9397-08002B2CF9AE}" pid="18" name="TriggerFlowInfo">
    <vt:lpwstr/>
  </property>
  <property fmtid="{D5CDD505-2E9C-101B-9397-08002B2CF9AE}" pid="19" name="ComplianceAssetId">
    <vt:lpwstr/>
  </property>
  <property fmtid="{D5CDD505-2E9C-101B-9397-08002B2CF9AE}" pid="20" name="TemplateUrl">
    <vt:lpwstr/>
  </property>
  <property fmtid="{D5CDD505-2E9C-101B-9397-08002B2CF9AE}" pid="21" name="_ExtendedDescription">
    <vt:lpwstr/>
  </property>
</Properties>
</file>